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aepenergy.sharepoint.com/sites/regsvcs/Regulatory Base Cases/Kentucky Power/2023-00159 Base Case/07 Discovery/AG-KIUC/1st Set/Attachments/"/>
    </mc:Choice>
  </mc:AlternateContent>
  <xr:revisionPtr revIDLastSave="6" documentId="8_{C5E7B303-F2E9-44D6-A65B-68DCBA1F60BF}" xr6:coauthVersionLast="47" xr6:coauthVersionMax="47" xr10:uidLastSave="{A03FEE02-EAE9-43D7-843D-D099AFE7E6F6}"/>
  <bookViews>
    <workbookView xWindow="28680" yWindow="-120" windowWidth="29040" windowHeight="15840" xr2:uid="{540E706E-0416-4E87-B47F-06121F2628DA}"/>
  </bookViews>
  <sheets>
    <sheet name="W49 Annualization of PropTax" sheetId="1" r:id="rId1"/>
    <sheet name="Est. Tax Calc" sheetId="2" r:id="rId2"/>
    <sheet name="Pivot" sheetId="3" r:id="rId3"/>
    <sheet name="PS Query" sheetId="4" r:id="rId4"/>
  </sheets>
  <externalReferences>
    <externalReference r:id="rId5"/>
    <externalReference r:id="rId6"/>
  </externalReferences>
  <definedNames>
    <definedName name="_xlnm._FilterDatabase" localSheetId="3" hidden="1">'PS Query'!$A$1:$AB$1</definedName>
    <definedName name="C_Begin">#REF!</definedName>
    <definedName name="C_End">#REF!</definedName>
    <definedName name="End_of_Report">[1]GAAP_BS2!#REF!</definedName>
    <definedName name="ExternalData_1" localSheetId="3" hidden="1">'PS Query'!$A$1:$AB$312</definedName>
    <definedName name="FERC_Account">#REF!</definedName>
    <definedName name="FERC_LEVEL_2">#REF!</definedName>
    <definedName name="KPCO_408" localSheetId="0">#REF!</definedName>
    <definedName name="KPCO_408">#REF!</definedName>
    <definedName name="LIABILITIES">[1]GAAP_BS2!#REF!</definedName>
    <definedName name="NONCURRENT_LIABILITIES">[1]GAAP_BS2!#REF!</definedName>
    <definedName name="NvsASD">"V2020-03-31"</definedName>
    <definedName name="NvsAutoDrillOk">"VN"</definedName>
    <definedName name="NvsElapsedTime">0.000439814815763384</definedName>
    <definedName name="NvsEndTime">43936.7682407407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>"VX992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OPR_ID">#REF!</definedName>
    <definedName name="_xlnm.Print_Area" localSheetId="1">'Est. Tax Calc'!$A$1:$D$31</definedName>
    <definedName name="Query1" localSheetId="0">#REF!</definedName>
    <definedName name="Query1">#REF!</definedName>
    <definedName name="Rev_End">#REF!</definedName>
    <definedName name="search_directory_name">"R:\fcm90prd\nvision\rpts\Fin_Reports\"</definedName>
    <definedName name="SHAREHOLDER_EQUITY">[1]GAAP_BS2!#REF!</definedName>
    <definedName name="Total">#REF!</definedName>
    <definedName name="Total_119">'[2]TB BS Pivot'!$E$7:$E$252</definedName>
    <definedName name="Total_166">#REF!</definedName>
    <definedName name="Total_169">#REF!</definedName>
    <definedName name="Total_192">'[2]TB BS Pivot'!$G$7:$G$252</definedName>
    <definedName name="Total_211">#REF!</definedName>
    <definedName name="Trial_Begin">[1]GAAP_BS2!#REF!</definedName>
    <definedName name="Trial_End">[1]GAAP_BS2!#REF!</definedName>
  </definedNames>
  <calcPr calcId="191029"/>
  <pivotCaches>
    <pivotCache cacheId="0" r:id="rId7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46" i="3" l="1"/>
  <c r="F47" i="3" s="1"/>
  <c r="D45" i="3"/>
  <c r="F43" i="3"/>
  <c r="D25" i="2"/>
  <c r="D24" i="2"/>
  <c r="B24" i="2"/>
  <c r="C25" i="2" s="1"/>
  <c r="A24" i="2"/>
  <c r="C23" i="2"/>
  <c r="C21" i="2"/>
  <c r="B21" i="2"/>
  <c r="D18" i="2"/>
  <c r="D17" i="2"/>
  <c r="B17" i="2"/>
  <c r="C18" i="2" s="1"/>
  <c r="A17" i="2"/>
  <c r="D15" i="2"/>
  <c r="A15" i="2"/>
  <c r="C14" i="2"/>
  <c r="C15" i="2" s="1"/>
  <c r="C16" i="2" s="1"/>
  <c r="A13" i="2"/>
  <c r="C12" i="2"/>
  <c r="B12" i="2"/>
  <c r="C8" i="2"/>
  <c r="B8" i="2"/>
  <c r="C5" i="2"/>
  <c r="C6" i="2" s="1"/>
  <c r="C9" i="2" l="1"/>
  <c r="C26" i="2" s="1"/>
  <c r="G45" i="3"/>
  <c r="D46" i="3"/>
  <c r="D47" i="3" s="1"/>
  <c r="F48" i="3" s="1"/>
  <c r="D9" i="1" s="1"/>
  <c r="C28" i="2"/>
  <c r="C31" i="2" s="1"/>
  <c r="D7" i="1" s="1"/>
  <c r="C7" i="2"/>
  <c r="G46" i="3" l="1"/>
  <c r="G47" i="3" s="1"/>
  <c r="D11" i="1"/>
  <c r="D13" i="1" s="1"/>
</calcChain>
</file>

<file path=xl/sharedStrings.xml><?xml version="1.0" encoding="utf-8"?>
<sst xmlns="http://schemas.openxmlformats.org/spreadsheetml/2006/main" count="7284" uniqueCount="460">
  <si>
    <t>Kentucky Power Company</t>
  </si>
  <si>
    <t>Annualization of Property Taxes</t>
  </si>
  <si>
    <t>Twelve Months Ended 3/31/2023</t>
  </si>
  <si>
    <t>W49</t>
  </si>
  <si>
    <t xml:space="preserve">Line
No.
</t>
  </si>
  <si>
    <t>Description</t>
  </si>
  <si>
    <t xml:space="preserve">Amount
</t>
  </si>
  <si>
    <t xml:space="preserve">Net Estimated Property Tax Based on December 31, 2022 Assessible Property Value and Latest Actual Property Rates </t>
  </si>
  <si>
    <t>Net Property Tax Charged
4081005, 4081029 &amp; 4081036
12 Months Ended 03/31/2023</t>
  </si>
  <si>
    <t>Adjustment to Property Tax Expense (Ln 3 - Ln 6)</t>
  </si>
  <si>
    <t>Allocation Factor - Gross Plant Total</t>
  </si>
  <si>
    <t>Owned Property Calculation:</t>
  </si>
  <si>
    <t>KY Total Expense Amount</t>
  </si>
  <si>
    <t>Utility Expense Amount KY, 408.1</t>
  </si>
  <si>
    <t>Less KY Generation</t>
  </si>
  <si>
    <t>Less KY Generation, 408.1</t>
  </si>
  <si>
    <t>TY2022 Expense Amt Total</t>
  </si>
  <si>
    <t>TY2020 Expense Amt Total</t>
  </si>
  <si>
    <t>Per month Amt</t>
  </si>
  <si>
    <t>Apr-Dec 202 KY T&amp;D
(plus adjs)</t>
  </si>
  <si>
    <t>Jan-Mar 2023 KY T&amp;D</t>
  </si>
  <si>
    <t>Total KY Def Amt for Period Ending 12/31/2022</t>
  </si>
  <si>
    <t>Leased PP Calculation:</t>
  </si>
  <si>
    <t>Expense Amount KY</t>
  </si>
  <si>
    <t>Leased RE Calculation:</t>
  </si>
  <si>
    <t>Annual Amount</t>
  </si>
  <si>
    <t>All KY, no generation, Leased RE</t>
  </si>
  <si>
    <t>Ties to Bus Obj Pivot w_BU T&amp;D only (12 months exp, ending 12/31/2022)</t>
  </si>
  <si>
    <t>Total Annual Amt.</t>
  </si>
  <si>
    <t>TY2023 Full Year Expense, T&amp;D only</t>
  </si>
  <si>
    <t/>
  </si>
  <si>
    <t>KY Overaccrual (T&amp;D only)</t>
  </si>
  <si>
    <t>2020 (none)</t>
  </si>
  <si>
    <t>Total 2023 T&amp;D Accrual revised</t>
  </si>
  <si>
    <t>TY2023 Revised Full Year Expense, T&amp;D only</t>
  </si>
  <si>
    <t>Sum of Debit / (Credit)</t>
  </si>
  <si>
    <t>Column Labels</t>
  </si>
  <si>
    <t>Row Labels</t>
  </si>
  <si>
    <t>JE ID</t>
  </si>
  <si>
    <t>JE Date</t>
  </si>
  <si>
    <t>110</t>
  </si>
  <si>
    <t>117</t>
  </si>
  <si>
    <t>180</t>
  </si>
  <si>
    <t>Grand Total</t>
  </si>
  <si>
    <t>408100521</t>
  </si>
  <si>
    <t>TXAMTABA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408100521 Total</t>
  </si>
  <si>
    <t>408100522</t>
  </si>
  <si>
    <t>Jan</t>
  </si>
  <si>
    <t>Feb</t>
  </si>
  <si>
    <t>Mar</t>
  </si>
  <si>
    <t>408100522 Total</t>
  </si>
  <si>
    <t>408102922</t>
  </si>
  <si>
    <t>TXACCABA</t>
  </si>
  <si>
    <t>408102922 Total</t>
  </si>
  <si>
    <t>408103622</t>
  </si>
  <si>
    <t>TXOUAABA</t>
  </si>
  <si>
    <t>408103622 Total</t>
  </si>
  <si>
    <t>Prior Year Adjusts made in 202</t>
  </si>
  <si>
    <t>Portion of prior year adjs-9/12-in period (Apr-Dec 2019)</t>
  </si>
  <si>
    <t>Total adjusting out prior period portion of full-year adjustment</t>
  </si>
  <si>
    <t>Business Unit</t>
  </si>
  <si>
    <t>Month</t>
  </si>
  <si>
    <t>Year</t>
  </si>
  <si>
    <t>Account</t>
  </si>
  <si>
    <t>Account Descrip.</t>
  </si>
  <si>
    <t>JE Description</t>
  </si>
  <si>
    <t>OPERATING_UNIT</t>
  </si>
  <si>
    <t>DEPTID</t>
  </si>
  <si>
    <t>Debit / (Credit)</t>
  </si>
  <si>
    <t>PRODUCT</t>
  </si>
  <si>
    <t>AFFILIATE</t>
  </si>
  <si>
    <t>BUSINESS_UNIT_PC</t>
  </si>
  <si>
    <t>ACTIVITY_ID</t>
  </si>
  <si>
    <t>RESOURCE_TYPE</t>
  </si>
  <si>
    <t>JRNL_BALANCE_STAT</t>
  </si>
  <si>
    <t>PROJECT_ID</t>
  </si>
  <si>
    <t>RESOURCE_CATEGORY</t>
  </si>
  <si>
    <t>RESOURCE_SUB_CAT</t>
  </si>
  <si>
    <t>JRNL_HDR_STATUS</t>
  </si>
  <si>
    <t>JE Timestamp</t>
  </si>
  <si>
    <t>JOURNAL_LINE</t>
  </si>
  <si>
    <t>SOURCE</t>
  </si>
  <si>
    <t>OPRID</t>
  </si>
  <si>
    <t>JRNL_LN_REF</t>
  </si>
  <si>
    <t>TRANS_REF_NUM</t>
  </si>
  <si>
    <t>LINE_DESCR</t>
  </si>
  <si>
    <t>TXAMTPTX</t>
  </si>
  <si>
    <t>408100520</t>
  </si>
  <si>
    <t>Real Personal Property Taxes</t>
  </si>
  <si>
    <t>NORMAL MONTHLY AMORTIZATIONS</t>
  </si>
  <si>
    <t>KY</t>
  </si>
  <si>
    <t>12139</t>
  </si>
  <si>
    <t xml:space="preserve"> </t>
  </si>
  <si>
    <t>FINAN</t>
  </si>
  <si>
    <t>G0000110</t>
  </si>
  <si>
    <t>999</t>
  </si>
  <si>
    <t>V</t>
  </si>
  <si>
    <t>FANANDA</t>
  </si>
  <si>
    <t>655</t>
  </si>
  <si>
    <t>U</t>
  </si>
  <si>
    <t>2021-02-01-11.10.37.241465</t>
  </si>
  <si>
    <t>UPL</t>
  </si>
  <si>
    <t>S131108</t>
  </si>
  <si>
    <t>REC</t>
  </si>
  <si>
    <t>KYPCO KY 2021 OWNED-KY110</t>
  </si>
  <si>
    <t>Normal Monthly Amortizations</t>
  </si>
  <si>
    <t>P</t>
  </si>
  <si>
    <t>2021-02-01-10.39.25.692890</t>
  </si>
  <si>
    <t>2021-01-31-08.03.32.838686</t>
  </si>
  <si>
    <t>2021-02-01-18.25.01.826308</t>
  </si>
  <si>
    <t>2021-02-01-18.01.01.740417</t>
  </si>
  <si>
    <t>G0001096</t>
  </si>
  <si>
    <t>2021-02-01-11.10.37.641098</t>
  </si>
  <si>
    <t>KYPCO KY 2021 OWNED-KY117</t>
  </si>
  <si>
    <t>2021-02-01-10.39.26.472049</t>
  </si>
  <si>
    <t>2021-01-31-08.03.33.562517</t>
  </si>
  <si>
    <t>2021-02-01-18.25.02.510544</t>
  </si>
  <si>
    <t>2021-02-01-18.01.03.035187</t>
  </si>
  <si>
    <t>MITC451835</t>
  </si>
  <si>
    <t>Mitchell Joint Facility</t>
  </si>
  <si>
    <t>WV</t>
  </si>
  <si>
    <t>13403</t>
  </si>
  <si>
    <t>G0001267</t>
  </si>
  <si>
    <t>971</t>
  </si>
  <si>
    <t>2022-02-03-11.55.37.187980</t>
  </si>
  <si>
    <t>GLA</t>
  </si>
  <si>
    <t>GLBATCH</t>
  </si>
  <si>
    <t>TXAMTJKN</t>
  </si>
  <si>
    <t>2022-02-01-07.46.36.652351</t>
  </si>
  <si>
    <t>ONB</t>
  </si>
  <si>
    <t>S296216</t>
  </si>
  <si>
    <t>WPCO WV 2021 OWNED-WV413</t>
  </si>
  <si>
    <t>KYPCO WV 2021 OWNED-WV117</t>
  </si>
  <si>
    <t>G0000180</t>
  </si>
  <si>
    <t>2021-02-01-10.39.29.322498</t>
  </si>
  <si>
    <t>KYPCO KY 2021 OWNED-KY180</t>
  </si>
  <si>
    <t>2021-02-01-11.10.39.410032</t>
  </si>
  <si>
    <t>2021-01-31-08.03.35.775133</t>
  </si>
  <si>
    <t>2021-02-01-18.01.08.812005</t>
  </si>
  <si>
    <t>2021-02-01-18.25.05.115998</t>
  </si>
  <si>
    <t>2021-02-27-01.01.29.435546</t>
  </si>
  <si>
    <t>S297197</t>
  </si>
  <si>
    <t>2021-02-27-01.01.30.102120</t>
  </si>
  <si>
    <t>MITC469041</t>
  </si>
  <si>
    <t>2022-03-03-11.54.46.892594</t>
  </si>
  <si>
    <t>2022-02-28-13.39.00.616736</t>
  </si>
  <si>
    <t>S294989</t>
  </si>
  <si>
    <t>2021-02-27-01.01.33.729533</t>
  </si>
  <si>
    <t>2021-03-31-13.42.56.903338</t>
  </si>
  <si>
    <t>S304021</t>
  </si>
  <si>
    <t>2021-04-01-06.45.28.685650</t>
  </si>
  <si>
    <t>2021-03-31-23.43.55.634319</t>
  </si>
  <si>
    <t>S296208</t>
  </si>
  <si>
    <t>2021-03-31-13.42.57.670630</t>
  </si>
  <si>
    <t>2021-04-01-06.45.30.392525</t>
  </si>
  <si>
    <t>2021-03-31-23.43.56.927644</t>
  </si>
  <si>
    <t>2022-03-31-00.57.57.059138</t>
  </si>
  <si>
    <t>MITC488729</t>
  </si>
  <si>
    <t>2022-04-04-12.22.00.695959</t>
  </si>
  <si>
    <t>2021-04-01-06.45.40.251045</t>
  </si>
  <si>
    <t>2021-03-31-23.44.03.071829</t>
  </si>
  <si>
    <t>2021-03-31-13.43.00.910261</t>
  </si>
  <si>
    <t>2021-04-30-15.48.30.491592</t>
  </si>
  <si>
    <t>S294428</t>
  </si>
  <si>
    <t>2021-04-30-15.48.31.115224</t>
  </si>
  <si>
    <t>MITC506791</t>
  </si>
  <si>
    <t>2022-05-04-12.53.10.591470</t>
  </si>
  <si>
    <t>2022-04-29-13.15.00.980695</t>
  </si>
  <si>
    <t>2021-04-30-15.48.33.649857</t>
  </si>
  <si>
    <t>2021-05-28-15.43.32.712203</t>
  </si>
  <si>
    <t>2021-05-28-15.43.33.556406</t>
  </si>
  <si>
    <t>MITC525041</t>
  </si>
  <si>
    <t>2022-06-03-12.01.52.030708</t>
  </si>
  <si>
    <t>2022-05-27-14.19.15.487609</t>
  </si>
  <si>
    <t>B10104P</t>
  </si>
  <si>
    <t>2021-05-28-15.43.36.957225</t>
  </si>
  <si>
    <t>2021-06-30-16.38.16.023912</t>
  </si>
  <si>
    <t>KY monthly accruals</t>
  </si>
  <si>
    <t>2022-07-07-10.03.27.213575</t>
  </si>
  <si>
    <t>KYPCo WV 2021 Owned WV117</t>
  </si>
  <si>
    <t>2021-06-30-16.38.16.446273</t>
  </si>
  <si>
    <t>INTCOM0414</t>
  </si>
  <si>
    <t>Intercompany Billing</t>
  </si>
  <si>
    <t>99920</t>
  </si>
  <si>
    <t>2022-07-02-00.08.33.111439</t>
  </si>
  <si>
    <t>PRA</t>
  </si>
  <si>
    <t>MITC542294</t>
  </si>
  <si>
    <t>2022-07-05-11.51.59.217414</t>
  </si>
  <si>
    <t>2021-06-30-16.38.18.625464</t>
  </si>
  <si>
    <t>2021-07-30-13.44.43.871641</t>
  </si>
  <si>
    <t>920</t>
  </si>
  <si>
    <t>2021-07-30-13.44.44.477582</t>
  </si>
  <si>
    <t>MITC342552</t>
  </si>
  <si>
    <t>2021-08-04-12.14.02.942640</t>
  </si>
  <si>
    <t>2021-07-28-14.33.58.597909</t>
  </si>
  <si>
    <t>2021-07-30-13.44.47.058000</t>
  </si>
  <si>
    <t>2021-08-31-23.50.20.272637</t>
  </si>
  <si>
    <t>2021-08-31-23.50.23.765926</t>
  </si>
  <si>
    <t>MITC361306</t>
  </si>
  <si>
    <t>2021-09-03-12.02.25.197997</t>
  </si>
  <si>
    <t>2021-08-30-12.50.25.237644</t>
  </si>
  <si>
    <t>2021-08-31-23.50.33.521822</t>
  </si>
  <si>
    <t>2021-10-01-09.06.42.647753</t>
  </si>
  <si>
    <t>KYPCO WV UPDATE AMORTIZATION B</t>
  </si>
  <si>
    <t>G0000117</t>
  </si>
  <si>
    <t>2021-10-01-03.42.52.371894</t>
  </si>
  <si>
    <t>NONREC</t>
  </si>
  <si>
    <t>UPDATE AMT TY2021</t>
  </si>
  <si>
    <t>2021-10-01-03.42.58.191762</t>
  </si>
  <si>
    <t>2021-10-01-09.06.43.331432</t>
  </si>
  <si>
    <t>MITC378853</t>
  </si>
  <si>
    <t>2021-10-04-12.32.12.110384</t>
  </si>
  <si>
    <t>2021-10-01-09.06.46.696811</t>
  </si>
  <si>
    <t>2021-10-28-13.46.28.721241</t>
  </si>
  <si>
    <t>2021-10-28-13.46.29.286581</t>
  </si>
  <si>
    <t>MITC397469</t>
  </si>
  <si>
    <t>2021-11-03-11.53.43.066653</t>
  </si>
  <si>
    <t>2021-10-28-15.52.32.255906</t>
  </si>
  <si>
    <t>2021-10-28-13.46.32.044017</t>
  </si>
  <si>
    <t>2021-11-29-12.35.22.903843</t>
  </si>
  <si>
    <t>2021-11-29-12.35.23.886755</t>
  </si>
  <si>
    <t>2021-11-26-07.16.36.666552</t>
  </si>
  <si>
    <t>MITC414388</t>
  </si>
  <si>
    <t>2021-12-03-11.59.16.255864</t>
  </si>
  <si>
    <t>2021-11-29-12.35.27.491478</t>
  </si>
  <si>
    <t>2022-01-03-06.06.34.194839</t>
  </si>
  <si>
    <t>2022-01-03-06.06.34.810971</t>
  </si>
  <si>
    <t>2021-12-31-10.00.45.774050</t>
  </si>
  <si>
    <t>MITC433266</t>
  </si>
  <si>
    <t>2022-01-05-12.07.06.762558</t>
  </si>
  <si>
    <t>2022-01-03-06.06.38.333575</t>
  </si>
  <si>
    <t>Real-Pers Prop Tax-Cap Leases</t>
  </si>
  <si>
    <t>2022-02-01-16.05.50.412647</t>
  </si>
  <si>
    <t>KYPCO KY 2022 LPP-KY110</t>
  </si>
  <si>
    <t>KY NORMAL MONTHLY AMORTIZATION</t>
  </si>
  <si>
    <t>2023-02-02-20.23.45.542331</t>
  </si>
  <si>
    <t>KYPCO KY 2023 LPP-KY110</t>
  </si>
  <si>
    <t>2022-02-01-16.05.51.024597</t>
  </si>
  <si>
    <t>KYPCO KY 2022 LPP-KY117</t>
  </si>
  <si>
    <t>2023-02-02-20.23.46.174769</t>
  </si>
  <si>
    <t>KYPCO KY 2023 LPP-KY117</t>
  </si>
  <si>
    <t>2022-02-01-16.05.53.178276</t>
  </si>
  <si>
    <t>KYPCO KY 2022 LPP-KY180</t>
  </si>
  <si>
    <t>2023-02-02-20.23.46.600892</t>
  </si>
  <si>
    <t>KYPCO KY 2023 LPP-KY180</t>
  </si>
  <si>
    <t>2022-03-01-07.56.03.300880</t>
  </si>
  <si>
    <t>2022-03-01-07.56.04.038980</t>
  </si>
  <si>
    <t>2022-03-01-07.56.07.369083</t>
  </si>
  <si>
    <t>2022-03-31-07.37.02.434748</t>
  </si>
  <si>
    <t>2022-03-31-07.37.02.912067</t>
  </si>
  <si>
    <t>2022-03-31-07.37.05.498845</t>
  </si>
  <si>
    <t>2022-04-29-14.54.42.746782</t>
  </si>
  <si>
    <t>2022-04-29-14.54.43.492805</t>
  </si>
  <si>
    <t>2022-04-29-14.54.45.977512</t>
  </si>
  <si>
    <t>2022-05-27-13.47.02.406802</t>
  </si>
  <si>
    <t>2022-05-27-13.47.02.912068</t>
  </si>
  <si>
    <t>2022-05-27-13.47.05.283319</t>
  </si>
  <si>
    <t>Ky Normal Monthly Amortization</t>
  </si>
  <si>
    <t>2022-06-22-01.03.53.724071</t>
  </si>
  <si>
    <t>S337959</t>
  </si>
  <si>
    <t>2022-06-22-01.04.11.207153</t>
  </si>
  <si>
    <t>2022-06-22-01.05.27.632061</t>
  </si>
  <si>
    <t>2022-08-01-14.04.59.243723</t>
  </si>
  <si>
    <t>Move payments to expense for L</t>
  </si>
  <si>
    <t>2022-07-29-13.44.27.713138</t>
  </si>
  <si>
    <t>S349979</t>
  </si>
  <si>
    <t>MOVE LPP PAYT TO EXPENSE</t>
  </si>
  <si>
    <t>2022-08-01-14.05.01.031866</t>
  </si>
  <si>
    <t>TXACCJKN</t>
  </si>
  <si>
    <t>WV ONE-TIME ANNUAL ACCRUAL - A</t>
  </si>
  <si>
    <t>656</t>
  </si>
  <si>
    <t>2022-07-30-12.15.09.219303</t>
  </si>
  <si>
    <t>KYPCO WV 2023 LPP-WV117</t>
  </si>
  <si>
    <t>2022-08-01-14.05.01.988096</t>
  </si>
  <si>
    <t>2022-08-31-08.59.40.434283</t>
  </si>
  <si>
    <t>2022-08-31-08.59.40.950288</t>
  </si>
  <si>
    <t>2022-08-31-08.59.41.377594</t>
  </si>
  <si>
    <t>2022-09-30-12.35.45.358440</t>
  </si>
  <si>
    <t>2022-09-30-12.35.45.918443</t>
  </si>
  <si>
    <t>2022-09-30-12.35.46.340999</t>
  </si>
  <si>
    <t>2022-10-31-15.02.27.889898</t>
  </si>
  <si>
    <t>2022-10-31-15.02.28.442755</t>
  </si>
  <si>
    <t>2022-10-31-15.02.28.820454</t>
  </si>
  <si>
    <t>2022-11-30-13.40.28.134583</t>
  </si>
  <si>
    <t>2022-11-30-13.40.28.878482</t>
  </si>
  <si>
    <t>2022-11-30-13.40.29.468458</t>
  </si>
  <si>
    <t>2022-12-27-11.35.08.593444</t>
  </si>
  <si>
    <t>2022-12-27-11.35.09.085270</t>
  </si>
  <si>
    <t>2022-12-27-11.35.09.507782</t>
  </si>
  <si>
    <t>408103620</t>
  </si>
  <si>
    <t>Real Prop Tax-Cap Leases</t>
  </si>
  <si>
    <t>BU 110 KYPCo Leased RE TY2020</t>
  </si>
  <si>
    <t>910</t>
  </si>
  <si>
    <t>2021-06-30-16.28.56.553489</t>
  </si>
  <si>
    <t>S328159</t>
  </si>
  <si>
    <t>BU 110 KYPCO LEASED RE TY2020</t>
  </si>
  <si>
    <t>KYPCO KY 2023 OWNED-KY110</t>
  </si>
  <si>
    <t>KYPCO KY 2023 OWNED-KY117</t>
  </si>
  <si>
    <t>KYPCO KY 2023 OWNED-KY180</t>
  </si>
  <si>
    <t>KY Normal Monthly Amortization</t>
  </si>
  <si>
    <t>2023-02-23-11.30.42.234173</t>
  </si>
  <si>
    <t>2023-02-23-11.30.42.757102</t>
  </si>
  <si>
    <t>2023-02-23-11.30.43.215713</t>
  </si>
  <si>
    <t>2023-04-03-11.39.06.086568</t>
  </si>
  <si>
    <t>2023-04-03-11.39.08.795545</t>
  </si>
  <si>
    <t>2023-04-03-11.39.10.871879</t>
  </si>
  <si>
    <t>2023-04-29-14.37.09.832484</t>
  </si>
  <si>
    <t>2023-04-29-14.37.12.946660</t>
  </si>
  <si>
    <t>2023-04-29-14.37.14.920750</t>
  </si>
  <si>
    <t>NORMAL MONTHLY ACCRUALS</t>
  </si>
  <si>
    <t>2022-02-01-15.18.07.418231</t>
  </si>
  <si>
    <t>KYPCO KY 2022 LRE-KY110</t>
  </si>
  <si>
    <t>KYPCO KY 2022 LRE OUA</t>
  </si>
  <si>
    <t>2023-03-03-23.28.12.147829</t>
  </si>
  <si>
    <t>2022-03-01-07.08.13.311611</t>
  </si>
  <si>
    <t>2022-03-31-07.33.33.065861</t>
  </si>
  <si>
    <t>2022-04-29-13.47.46.378604</t>
  </si>
  <si>
    <t>2022-05-27-13.30.47.444288</t>
  </si>
  <si>
    <t>2022-07-07-10.04.15.838529</t>
  </si>
  <si>
    <t>KY NORMAL MONTHLY ACCRUALS</t>
  </si>
  <si>
    <t>2022-08-01-14.02.46.530215</t>
  </si>
  <si>
    <t>KY Normal Monthly Accruals</t>
  </si>
  <si>
    <t>2022-08-31-08.55.16.185807</t>
  </si>
  <si>
    <t>2022-09-30-12.12.51.406998</t>
  </si>
  <si>
    <t>2022-10-31-14.56.21.754423</t>
  </si>
  <si>
    <t>2022-11-30-13.28.04.902533</t>
  </si>
  <si>
    <t>2022-12-27-11.30.53.926728</t>
  </si>
  <si>
    <t>KYPCO KY 2022 OWNED-KY110</t>
  </si>
  <si>
    <t>2022-02-03-16.34.19.164488</t>
  </si>
  <si>
    <t>2022-02-03-16.34.19.586927</t>
  </si>
  <si>
    <t>KYPCO KY 2022 OWNED-KY117</t>
  </si>
  <si>
    <t>2023-02-02-14.36.47.635661</t>
  </si>
  <si>
    <t>S346957</t>
  </si>
  <si>
    <t>KYPCO WV 2022 OWNED WV117</t>
  </si>
  <si>
    <t>MITC671960</t>
  </si>
  <si>
    <t>2023-02-03-12.18.32.653112</t>
  </si>
  <si>
    <t>2022-02-03-16.34.21.288304</t>
  </si>
  <si>
    <t>KYPCO KY 2022 OWNED-KY180</t>
  </si>
  <si>
    <t>Clear Balance in WV account</t>
  </si>
  <si>
    <t>2023-03-03-22.36.49.317499</t>
  </si>
  <si>
    <t>S295327</t>
  </si>
  <si>
    <t>ACCRUE FOR PENNY BALANCE</t>
  </si>
  <si>
    <t>2023-02-22-15.20.56.990133</t>
  </si>
  <si>
    <t>KYPCO WV 2022 OWNED-WV117</t>
  </si>
  <si>
    <t>2023-03-03-22.36.51.079657</t>
  </si>
  <si>
    <t>MITC688392</t>
  </si>
  <si>
    <t>2023-03-03-12.05.01.080687</t>
  </si>
  <si>
    <t>INTCOM6681</t>
  </si>
  <si>
    <t>99910</t>
  </si>
  <si>
    <t>2023-03-02-04.48.14.531536</t>
  </si>
  <si>
    <t>CORRECT JAN EXPENSE FOR MITCHE</t>
  </si>
  <si>
    <t>2023-04-04-09.09.01.376759</t>
  </si>
  <si>
    <t>CORRECT JAN EXPENSE</t>
  </si>
  <si>
    <t>INTCOM7412</t>
  </si>
  <si>
    <t>2023-04-04-03.20.37.440818</t>
  </si>
  <si>
    <t>2023-04-03-11.51.07.276016</t>
  </si>
  <si>
    <t>MITC709554</t>
  </si>
  <si>
    <t>2023-04-05-12.25.34.729799</t>
  </si>
  <si>
    <t>2023-04-29-14.11.41.728063</t>
  </si>
  <si>
    <t>INTCOM5476</t>
  </si>
  <si>
    <t>2023-05-02-01.19.46.841340</t>
  </si>
  <si>
    <t>MITC727558</t>
  </si>
  <si>
    <t>2023-05-03-12.30.25.908003</t>
  </si>
  <si>
    <t>2022-07-30-12.10.21.410142</t>
  </si>
  <si>
    <t>KYPCO WV 2022 OWNED-WV110</t>
  </si>
  <si>
    <t>2022-07-30-12.10.22.293837</t>
  </si>
  <si>
    <t>INTCOM8877</t>
  </si>
  <si>
    <t>2022-08-02-00.21.35.340295</t>
  </si>
  <si>
    <t>ANNUAL ACCRUAL SET-UP - TO DIR</t>
  </si>
  <si>
    <t>2021-07-28-13.59.04.028214</t>
  </si>
  <si>
    <t>KYPCO WV 2022 LPP-WV117</t>
  </si>
  <si>
    <t>MITC561024</t>
  </si>
  <si>
    <t>2022-08-03-14.02.36.069594</t>
  </si>
  <si>
    <t>2022-08-31-08.46.48.565184</t>
  </si>
  <si>
    <t>INTCOM8079</t>
  </si>
  <si>
    <t>2022-09-02-00.02.26.180795</t>
  </si>
  <si>
    <t>KYPCO WV LSD PP - REVERSE AND</t>
  </si>
  <si>
    <t>2021-08-30-12.56.00.443690</t>
  </si>
  <si>
    <t>REVERSE ENTRY</t>
  </si>
  <si>
    <t>MITC580233</t>
  </si>
  <si>
    <t>2022-09-06-12.05.59.533970</t>
  </si>
  <si>
    <t>TXOUAJKN</t>
  </si>
  <si>
    <t>WV - OUA ENTRIES TY '22 FOR RA</t>
  </si>
  <si>
    <t>2022-10-01-07.19.33.794756</t>
  </si>
  <si>
    <t>OUA NU WV TY22</t>
  </si>
  <si>
    <t>MITCH_JB</t>
  </si>
  <si>
    <t>TO BILL KPCO FOR MITCHELL ACTI</t>
  </si>
  <si>
    <t>997</t>
  </si>
  <si>
    <t>2022-10-05-18.51.26.467332</t>
  </si>
  <si>
    <t>S007753</t>
  </si>
  <si>
    <t>RECORD KPCO SHARE OF MITCHELL</t>
  </si>
  <si>
    <t>KYPCO WV - UPDATE AMT AMOUNT B</t>
  </si>
  <si>
    <t>2022-10-01-07.16.10.127912</t>
  </si>
  <si>
    <t>2022-10-01-03.38.37.282835</t>
  </si>
  <si>
    <t>INTCOM6011</t>
  </si>
  <si>
    <t>2022-10-04-00.20.02.622750</t>
  </si>
  <si>
    <t>INTCOM3845</t>
  </si>
  <si>
    <t>2022-11-02-00.52.26.274699</t>
  </si>
  <si>
    <t>S052</t>
  </si>
  <si>
    <t>2022-11-04-14.12.21.831650</t>
  </si>
  <si>
    <t>S351016</t>
  </si>
  <si>
    <t>2022-10-28-10.21.12.368385</t>
  </si>
  <si>
    <t>INTCOM1910</t>
  </si>
  <si>
    <t>2022-12-01-23.46.26.174526</t>
  </si>
  <si>
    <t>2022-12-05-15.38.00.873794</t>
  </si>
  <si>
    <t>S357777</t>
  </si>
  <si>
    <t>2022-11-30-14.23.53.009449</t>
  </si>
  <si>
    <t>INTCOM0629</t>
  </si>
  <si>
    <t>2023-01-04-04.09.44.818227</t>
  </si>
  <si>
    <t>2022-12-27-11.36.44.560386</t>
  </si>
  <si>
    <t>2023-01-05-17.25.41.423266</t>
  </si>
  <si>
    <t>S294920</t>
  </si>
  <si>
    <t>INTCOM0689</t>
  </si>
  <si>
    <t>408102920</t>
  </si>
  <si>
    <t>KYPCO WV  - EXPENSE LSD PP PAY</t>
  </si>
  <si>
    <t>2021-10-01-07.04.53.220956</t>
  </si>
  <si>
    <t>EXPENSE LSD PP</t>
  </si>
  <si>
    <t>KYPCO WV  - OUA ENTRY FOR WV T</t>
  </si>
  <si>
    <t>2021-10-01-12.18.18.590972</t>
  </si>
  <si>
    <t>OUA WV LSD PP</t>
  </si>
  <si>
    <t>408102921</t>
  </si>
  <si>
    <t>KYPCO KY 2021 LPP-KY110</t>
  </si>
  <si>
    <t>KYPCO KY 2021 LPP-KY117</t>
  </si>
  <si>
    <t>KYPCO KY 2021 LPP-KY180</t>
  </si>
  <si>
    <t>CORRECTION ENTRY</t>
  </si>
  <si>
    <t>2022-10-01-07.19.34.515817</t>
  </si>
  <si>
    <t>OUA LSD PP WV TY22</t>
  </si>
  <si>
    <t>TXACCPTX</t>
  </si>
  <si>
    <t>408103621</t>
  </si>
  <si>
    <t>Normal Monthly Accruals</t>
  </si>
  <si>
    <t>2021-01-31-06.25.16.708744</t>
  </si>
  <si>
    <t>S293792</t>
  </si>
  <si>
    <t>KYPCO KY 2020 LRE-KY110</t>
  </si>
  <si>
    <t>2021-02-27-00.32.45.303118</t>
  </si>
  <si>
    <t>KYPCO KY 2021 LRE-KY110</t>
  </si>
  <si>
    <t>2021-03-31-12.31.46.449914</t>
  </si>
  <si>
    <t>2021-04-30-14.56.39.203831</t>
  </si>
  <si>
    <t>2021-05-28-15.28.55.906701</t>
  </si>
  <si>
    <t>2021-06-30-16.33.57.866803</t>
  </si>
  <si>
    <t>2021-07-30-13.11.32.443695</t>
  </si>
  <si>
    <t>2021-08-31-23.42.29.655247</t>
  </si>
  <si>
    <t>2021-10-01-07.48.31.607582</t>
  </si>
  <si>
    <t>2021-10-28-13.19.11.476127</t>
  </si>
  <si>
    <t>2021-11-29-12.19.03.170400</t>
  </si>
  <si>
    <t>2022-01-03-05.47.36.977376</t>
  </si>
  <si>
    <t>Year-end account clean up; acc</t>
  </si>
  <si>
    <t>2022-01-06-11.19.13.649554</t>
  </si>
  <si>
    <t>ONL</t>
  </si>
  <si>
    <t>KYPCo KY 2021 LRE</t>
  </si>
  <si>
    <t>Witness: Linda Schlessma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4">
    <numFmt numFmtId="43" formatCode="_(* #,##0.00_);_(* \(#,##0.00\);_(* &quot;-&quot;??_);_(@_)"/>
    <numFmt numFmtId="164" formatCode="&quot;$&quot;#,##0"/>
    <numFmt numFmtId="165" formatCode="&quot;$&quot;#,##0.00"/>
    <numFmt numFmtId="166" formatCode="_(* #,##0_);_(* \(#,##0\);_(* &quot;-&quot;??_);_(@_)"/>
  </numFmts>
  <fonts count="8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name val="Arial Unicode MS"/>
    </font>
    <font>
      <sz val="10"/>
      <name val="Arial Unicode MS"/>
      <family val="2"/>
    </font>
    <font>
      <b/>
      <sz val="10"/>
      <name val="Arial Unicode MS"/>
    </font>
    <font>
      <sz val="10"/>
      <name val="Arial"/>
    </font>
    <font>
      <sz val="10"/>
      <color rgb="FFFF0000"/>
      <name val="Arial Unicode MS"/>
    </font>
  </fonts>
  <fills count="4">
    <fill>
      <patternFill patternType="none"/>
    </fill>
    <fill>
      <patternFill patternType="gray125"/>
    </fill>
    <fill>
      <patternFill patternType="solid">
        <fgColor theme="3" tint="0.59999389629810485"/>
        <bgColor indexed="64"/>
      </patternFill>
    </fill>
    <fill>
      <patternFill patternType="solid">
        <fgColor rgb="FF92D050"/>
        <bgColor indexed="64"/>
      </patternFill>
    </fill>
  </fills>
  <borders count="1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5">
    <xf numFmtId="0" fontId="0" fillId="0" borderId="0"/>
    <xf numFmtId="43" fontId="6" fillId="0" borderId="0" applyFont="0" applyFill="0" applyBorder="0" applyAlignment="0" applyProtection="0"/>
    <xf numFmtId="0" fontId="1" fillId="0" borderId="0"/>
    <xf numFmtId="0" fontId="3" fillId="0" borderId="0"/>
    <xf numFmtId="43" fontId="1" fillId="0" borderId="0" applyFont="0" applyFill="0" applyBorder="0" applyAlignment="0" applyProtection="0"/>
  </cellStyleXfs>
  <cellXfs count="59">
    <xf numFmtId="0" fontId="0" fillId="0" borderId="0" xfId="0"/>
    <xf numFmtId="0" fontId="2" fillId="0" borderId="0" xfId="2" applyFont="1" applyAlignment="1">
      <alignment horizontal="centerContinuous"/>
    </xf>
    <xf numFmtId="0" fontId="1" fillId="0" borderId="0" xfId="2" applyAlignment="1">
      <alignment horizontal="centerContinuous"/>
    </xf>
    <xf numFmtId="0" fontId="3" fillId="0" borderId="0" xfId="3"/>
    <xf numFmtId="0" fontId="4" fillId="0" borderId="0" xfId="3" applyFont="1"/>
    <xf numFmtId="0" fontId="0" fillId="0" borderId="0" xfId="2" applyFont="1" applyAlignment="1">
      <alignment horizontal="center" wrapText="1"/>
    </xf>
    <xf numFmtId="49" fontId="1" fillId="0" borderId="0" xfId="2" applyNumberFormat="1" applyAlignment="1">
      <alignment horizontal="center"/>
    </xf>
    <xf numFmtId="49" fontId="0" fillId="0" borderId="0" xfId="2" applyNumberFormat="1" applyFont="1" applyAlignment="1">
      <alignment horizontal="center" wrapText="1"/>
    </xf>
    <xf numFmtId="0" fontId="1" fillId="0" borderId="0" xfId="2" applyAlignment="1">
      <alignment horizontal="center"/>
    </xf>
    <xf numFmtId="0" fontId="0" fillId="0" borderId="0" xfId="2" applyFont="1" applyAlignment="1">
      <alignment horizontal="left" wrapText="1"/>
    </xf>
    <xf numFmtId="164" fontId="1" fillId="0" borderId="0" xfId="2" applyNumberFormat="1"/>
    <xf numFmtId="0" fontId="1" fillId="0" borderId="0" xfId="2"/>
    <xf numFmtId="0" fontId="0" fillId="0" borderId="0" xfId="2" applyFont="1" applyAlignment="1">
      <alignment wrapText="1"/>
    </xf>
    <xf numFmtId="164" fontId="1" fillId="0" borderId="1" xfId="2" applyNumberFormat="1" applyBorder="1"/>
    <xf numFmtId="0" fontId="1" fillId="0" borderId="0" xfId="2" quotePrefix="1"/>
    <xf numFmtId="0" fontId="4" fillId="0" borderId="0" xfId="3" applyFont="1" applyAlignment="1">
      <alignment horizontal="right"/>
    </xf>
    <xf numFmtId="165" fontId="3" fillId="0" borderId="0" xfId="3" applyNumberFormat="1"/>
    <xf numFmtId="164" fontId="3" fillId="0" borderId="2" xfId="3" applyNumberFormat="1" applyBorder="1"/>
    <xf numFmtId="166" fontId="7" fillId="0" borderId="0" xfId="1" applyNumberFormat="1" applyFont="1"/>
    <xf numFmtId="0" fontId="7" fillId="0" borderId="0" xfId="3" applyFont="1"/>
    <xf numFmtId="164" fontId="3" fillId="0" borderId="0" xfId="3" applyNumberFormat="1"/>
    <xf numFmtId="0" fontId="2" fillId="0" borderId="3" xfId="2" applyFont="1" applyBorder="1"/>
    <xf numFmtId="0" fontId="2" fillId="0" borderId="4" xfId="2" applyFont="1" applyBorder="1"/>
    <xf numFmtId="0" fontId="1" fillId="0" borderId="4" xfId="2" applyBorder="1"/>
    <xf numFmtId="0" fontId="1" fillId="0" borderId="5" xfId="2" applyBorder="1"/>
    <xf numFmtId="0" fontId="1" fillId="0" borderId="6" xfId="2" applyBorder="1"/>
    <xf numFmtId="14" fontId="2" fillId="0" borderId="7" xfId="2" applyNumberFormat="1" applyFont="1" applyBorder="1"/>
    <xf numFmtId="0" fontId="1" fillId="0" borderId="8" xfId="2" applyBorder="1"/>
    <xf numFmtId="0" fontId="0" fillId="0" borderId="6" xfId="2" applyFont="1" applyBorder="1" applyAlignment="1">
      <alignment horizontal="right"/>
    </xf>
    <xf numFmtId="164" fontId="3" fillId="2" borderId="0" xfId="3" applyNumberFormat="1" applyFill="1"/>
    <xf numFmtId="0" fontId="0" fillId="0" borderId="8" xfId="2" applyFont="1" applyBorder="1"/>
    <xf numFmtId="0" fontId="1" fillId="0" borderId="6" xfId="2" applyBorder="1" applyAlignment="1">
      <alignment horizontal="right"/>
    </xf>
    <xf numFmtId="164" fontId="1" fillId="0" borderId="0" xfId="4" applyNumberFormat="1" applyFont="1" applyBorder="1"/>
    <xf numFmtId="0" fontId="0" fillId="0" borderId="8" xfId="2" applyFont="1" applyBorder="1" applyAlignment="1">
      <alignment horizontal="left"/>
    </xf>
    <xf numFmtId="0" fontId="1" fillId="0" borderId="8" xfId="2" applyBorder="1" applyAlignment="1">
      <alignment horizontal="left"/>
    </xf>
    <xf numFmtId="0" fontId="0" fillId="0" borderId="6" xfId="2" quotePrefix="1" applyFont="1" applyBorder="1" applyAlignment="1">
      <alignment horizontal="right" wrapText="1"/>
    </xf>
    <xf numFmtId="0" fontId="0" fillId="0" borderId="8" xfId="2" quotePrefix="1" applyFont="1" applyBorder="1" applyAlignment="1">
      <alignment horizontal="left"/>
    </xf>
    <xf numFmtId="0" fontId="1" fillId="0" borderId="9" xfId="2" applyBorder="1"/>
    <xf numFmtId="164" fontId="2" fillId="0" borderId="7" xfId="2" applyNumberFormat="1" applyFont="1" applyBorder="1"/>
    <xf numFmtId="164" fontId="1" fillId="0" borderId="4" xfId="2" applyNumberFormat="1" applyBorder="1"/>
    <xf numFmtId="164" fontId="1" fillId="2" borderId="0" xfId="2" applyNumberFormat="1" applyFill="1"/>
    <xf numFmtId="0" fontId="1" fillId="0" borderId="6" xfId="2" quotePrefix="1" applyBorder="1" applyAlignment="1">
      <alignment horizontal="right" wrapText="1"/>
    </xf>
    <xf numFmtId="0" fontId="1" fillId="0" borderId="8" xfId="2" quotePrefix="1" applyBorder="1" applyAlignment="1">
      <alignment horizontal="left"/>
    </xf>
    <xf numFmtId="164" fontId="3" fillId="3" borderId="11" xfId="3" applyNumberFormat="1" applyFill="1" applyBorder="1"/>
    <xf numFmtId="0" fontId="2" fillId="0" borderId="0" xfId="2" applyFont="1"/>
    <xf numFmtId="0" fontId="0" fillId="0" borderId="0" xfId="2" applyFont="1"/>
    <xf numFmtId="0" fontId="4" fillId="0" borderId="0" xfId="3" quotePrefix="1" applyFont="1"/>
    <xf numFmtId="164" fontId="3" fillId="0" borderId="12" xfId="3" applyNumberFormat="1" applyBorder="1"/>
    <xf numFmtId="14" fontId="1" fillId="0" borderId="0" xfId="2" applyNumberFormat="1"/>
    <xf numFmtId="43" fontId="1" fillId="0" borderId="0" xfId="2" applyNumberFormat="1"/>
    <xf numFmtId="0" fontId="4" fillId="0" borderId="0" xfId="2" applyFont="1" applyAlignment="1">
      <alignment horizontal="right"/>
    </xf>
    <xf numFmtId="40" fontId="1" fillId="0" borderId="0" xfId="2" applyNumberFormat="1"/>
    <xf numFmtId="165" fontId="1" fillId="0" borderId="0" xfId="2" applyNumberFormat="1"/>
    <xf numFmtId="165" fontId="1" fillId="0" borderId="12" xfId="2" applyNumberFormat="1" applyBorder="1"/>
    <xf numFmtId="0" fontId="5" fillId="0" borderId="0" xfId="3" applyFont="1" applyAlignment="1">
      <alignment horizontal="center"/>
    </xf>
    <xf numFmtId="0" fontId="3" fillId="0" borderId="0" xfId="3" applyAlignment="1">
      <alignment horizontal="center"/>
    </xf>
    <xf numFmtId="43" fontId="1" fillId="0" borderId="0" xfId="2" applyNumberFormat="1" applyFill="1"/>
    <xf numFmtId="164" fontId="2" fillId="0" borderId="7" xfId="2" applyNumberFormat="1" applyFont="1" applyFill="1" applyBorder="1"/>
    <xf numFmtId="0" fontId="2" fillId="0" borderId="10" xfId="2" applyFont="1" applyFill="1" applyBorder="1" applyAlignment="1">
      <alignment horizontal="left"/>
    </xf>
  </cellXfs>
  <cellStyles count="5">
    <cellStyle name="Comma" xfId="1" builtinId="3"/>
    <cellStyle name="Comma 2 2" xfId="4" xr:uid="{7E76795C-0488-4FEE-BB15-387A90F8BC8F}"/>
    <cellStyle name="Normal" xfId="0" builtinId="0"/>
    <cellStyle name="Normal 2" xfId="3" xr:uid="{B7E0B350-3A42-470A-B9D2-ADC7204236DA}"/>
    <cellStyle name="Normal 3" xfId="2" xr:uid="{58BB4E84-39AC-443D-AE47-1843D9C93871}"/>
  </cellStyles>
  <dxfs count="1"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13" Type="http://schemas.openxmlformats.org/officeDocument/2006/relationships/customXml" Target="../customXml/item2.xml"/><Relationship Id="rId3" Type="http://schemas.openxmlformats.org/officeDocument/2006/relationships/worksheet" Target="worksheets/sheet3.xml"/><Relationship Id="rId7" Type="http://schemas.openxmlformats.org/officeDocument/2006/relationships/pivotCacheDefinition" Target="pivotCache/pivotCacheDefinition1.xml"/><Relationship Id="rId12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6" Type="http://schemas.openxmlformats.org/officeDocument/2006/relationships/customXml" Target="../customXml/item5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calcChain" Target="calcChain.xml"/><Relationship Id="rId5" Type="http://schemas.openxmlformats.org/officeDocument/2006/relationships/externalLink" Target="externalLinks/externalLink1.xml"/><Relationship Id="rId15" Type="http://schemas.openxmlformats.org/officeDocument/2006/relationships/customXml" Target="../customXml/item4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Relationship Id="rId14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egulatory%20Accounting%20Services\Kentucky%20-%20Base%20Cases\2020%20KY%20Rate%20Case%20-%20March%2031%20Test%20Year\Financials\2020_3%20FERC_BS1%20--%20Kentucky%20Power%20Corp%20Conso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75747\AppData\Local\Microsoft\Windows\INetCache\Content.Outlook\IEMO5NBK\KPCo%20Trial%20Balance%202023%20Rate%20Case%20-%20PowerQuer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AP_BS2"/>
      <sheetName val="Modification History"/>
      <sheetName val="Org Maps"/>
      <sheetName val="Trial Balance"/>
    </sheetNames>
    <sheetDataSet>
      <sheetData sheetId="0">
        <row r="11">
          <cell r="F11">
            <v>2776251410.9000001</v>
          </cell>
        </row>
      </sheetData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P III"/>
      <sheetName val="TB BS Pivot"/>
      <sheetName val="TB IS Pivot"/>
      <sheetName val="FERC Mappping"/>
      <sheetName val="COS Mapping"/>
      <sheetName val="New Account Review"/>
      <sheetName val="Trial Balance"/>
      <sheetName val="FERC_IS1"/>
    </sheetNames>
    <sheetDataSet>
      <sheetData sheetId="0"/>
      <sheetData sheetId="1">
        <row r="7">
          <cell r="E7" t="str">
            <v>1011031</v>
          </cell>
          <cell r="G7">
            <v>0</v>
          </cell>
        </row>
        <row r="8">
          <cell r="E8" t="str">
            <v>1011032</v>
          </cell>
          <cell r="G8">
            <v>281581.02</v>
          </cell>
        </row>
        <row r="9">
          <cell r="E9" t="str">
            <v>1011036</v>
          </cell>
          <cell r="G9">
            <v>-21812.16</v>
          </cell>
        </row>
        <row r="10">
          <cell r="E10" t="str">
            <v>1823022</v>
          </cell>
          <cell r="G10">
            <v>0</v>
          </cell>
        </row>
        <row r="11">
          <cell r="E11" t="str">
            <v>1823054</v>
          </cell>
          <cell r="G11">
            <v>0</v>
          </cell>
        </row>
        <row r="12">
          <cell r="E12" t="str">
            <v>1011001</v>
          </cell>
          <cell r="G12">
            <v>0</v>
          </cell>
        </row>
        <row r="13">
          <cell r="E13" t="str">
            <v>1011004</v>
          </cell>
          <cell r="G13">
            <v>0</v>
          </cell>
        </row>
        <row r="14">
          <cell r="E14" t="str">
            <v>1060001</v>
          </cell>
          <cell r="G14">
            <v>49585819.290000007</v>
          </cell>
        </row>
        <row r="15">
          <cell r="E15" t="str">
            <v>1060002</v>
          </cell>
          <cell r="G15">
            <v>0</v>
          </cell>
        </row>
        <row r="16">
          <cell r="E16" t="str">
            <v>1060003</v>
          </cell>
          <cell r="G16">
            <v>0</v>
          </cell>
        </row>
        <row r="17">
          <cell r="E17" t="str">
            <v>1060004</v>
          </cell>
          <cell r="G17">
            <v>0</v>
          </cell>
        </row>
        <row r="18">
          <cell r="E18" t="str">
            <v>1060007</v>
          </cell>
          <cell r="G18">
            <v>0</v>
          </cell>
        </row>
        <row r="19">
          <cell r="E19" t="str">
            <v>1010001</v>
          </cell>
          <cell r="G19">
            <v>1152895401.52</v>
          </cell>
        </row>
        <row r="20">
          <cell r="E20" t="str">
            <v>1010002</v>
          </cell>
          <cell r="G20">
            <v>0</v>
          </cell>
        </row>
        <row r="21">
          <cell r="E21" t="str">
            <v>1010003</v>
          </cell>
          <cell r="G21">
            <v>0</v>
          </cell>
        </row>
        <row r="22">
          <cell r="E22" t="str">
            <v>1010004</v>
          </cell>
          <cell r="G22">
            <v>0</v>
          </cell>
        </row>
        <row r="23">
          <cell r="E23" t="str">
            <v>1010008</v>
          </cell>
          <cell r="G23">
            <v>738777.56</v>
          </cell>
        </row>
        <row r="24">
          <cell r="G24">
            <v>1203479767.23</v>
          </cell>
        </row>
        <row r="25">
          <cell r="E25" t="str">
            <v>1011006</v>
          </cell>
          <cell r="G25">
            <v>0</v>
          </cell>
        </row>
        <row r="26">
          <cell r="E26" t="str">
            <v>1080001</v>
          </cell>
          <cell r="G26">
            <v>-299129620.051</v>
          </cell>
        </row>
        <row r="27">
          <cell r="E27" t="str">
            <v>1080005</v>
          </cell>
          <cell r="G27">
            <v>2552126.6070000003</v>
          </cell>
        </row>
        <row r="28">
          <cell r="E28" t="str">
            <v>1080011</v>
          </cell>
          <cell r="G28">
            <v>-56756021.670000009</v>
          </cell>
        </row>
        <row r="29">
          <cell r="E29" t="str">
            <v>1110001</v>
          </cell>
          <cell r="G29">
            <v>-13040862.860000003</v>
          </cell>
        </row>
        <row r="30">
          <cell r="E30" t="str">
            <v>1110007</v>
          </cell>
          <cell r="G30">
            <v>-275758.05000000005</v>
          </cell>
        </row>
        <row r="31">
          <cell r="G31">
            <v>-366650136.02399987</v>
          </cell>
        </row>
        <row r="32">
          <cell r="E32" t="str">
            <v>1050001</v>
          </cell>
          <cell r="G32">
            <v>801671.21</v>
          </cell>
        </row>
        <row r="33">
          <cell r="E33" t="str">
            <v>1050003</v>
          </cell>
          <cell r="G33">
            <v>0</v>
          </cell>
        </row>
        <row r="34">
          <cell r="G34">
            <v>801671.21</v>
          </cell>
        </row>
        <row r="35">
          <cell r="E35" t="str">
            <v>1650001</v>
          </cell>
          <cell r="G35">
            <v>129194.21999999997</v>
          </cell>
        </row>
        <row r="36">
          <cell r="E36" t="str">
            <v>165000222</v>
          </cell>
          <cell r="G36">
            <v>0</v>
          </cell>
        </row>
        <row r="37">
          <cell r="E37" t="str">
            <v>1650006</v>
          </cell>
          <cell r="G37">
            <v>0</v>
          </cell>
        </row>
        <row r="38">
          <cell r="E38" t="str">
            <v>1650010</v>
          </cell>
          <cell r="G38">
            <v>7146111.0999999996</v>
          </cell>
        </row>
        <row r="39">
          <cell r="E39" t="str">
            <v>165001122</v>
          </cell>
          <cell r="G39">
            <v>0</v>
          </cell>
        </row>
        <row r="40">
          <cell r="E40" t="str">
            <v>165001123</v>
          </cell>
          <cell r="G40">
            <v>475610</v>
          </cell>
        </row>
        <row r="41">
          <cell r="E41" t="str">
            <v>165001222</v>
          </cell>
          <cell r="G41">
            <v>0</v>
          </cell>
        </row>
        <row r="42">
          <cell r="E42" t="str">
            <v>165001223</v>
          </cell>
          <cell r="G42">
            <v>50815</v>
          </cell>
        </row>
        <row r="43">
          <cell r="E43" t="str">
            <v>1650021</v>
          </cell>
          <cell r="G43">
            <v>-2E-3</v>
          </cell>
        </row>
        <row r="44">
          <cell r="E44" t="str">
            <v>1650023</v>
          </cell>
          <cell r="G44">
            <v>6145.0999999999985</v>
          </cell>
        </row>
        <row r="45">
          <cell r="E45" t="str">
            <v>1650035</v>
          </cell>
          <cell r="G45">
            <v>16036027.070000002</v>
          </cell>
        </row>
        <row r="46">
          <cell r="E46" t="str">
            <v>1650041</v>
          </cell>
          <cell r="G46">
            <v>230979.97</v>
          </cell>
        </row>
        <row r="47">
          <cell r="G47">
            <v>24074882.457999997</v>
          </cell>
        </row>
        <row r="48">
          <cell r="E48" t="str">
            <v>1510001</v>
          </cell>
          <cell r="G48">
            <v>0</v>
          </cell>
        </row>
        <row r="49">
          <cell r="E49" t="str">
            <v>1510002</v>
          </cell>
          <cell r="G49">
            <v>0</v>
          </cell>
        </row>
        <row r="50">
          <cell r="E50" t="str">
            <v>1510003</v>
          </cell>
          <cell r="G50">
            <v>0</v>
          </cell>
        </row>
        <row r="51">
          <cell r="E51" t="str">
            <v>1510020</v>
          </cell>
          <cell r="G51">
            <v>0</v>
          </cell>
        </row>
        <row r="52">
          <cell r="E52" t="str">
            <v>1520000</v>
          </cell>
          <cell r="G52">
            <v>0</v>
          </cell>
        </row>
        <row r="53">
          <cell r="E53" t="str">
            <v>1581000</v>
          </cell>
          <cell r="G53">
            <v>0</v>
          </cell>
        </row>
        <row r="54">
          <cell r="E54" t="str">
            <v>1581003</v>
          </cell>
          <cell r="G54">
            <v>0</v>
          </cell>
        </row>
        <row r="55">
          <cell r="E55" t="str">
            <v>1581009</v>
          </cell>
          <cell r="G55">
            <v>0</v>
          </cell>
        </row>
        <row r="56">
          <cell r="E56" t="str">
            <v>1540001</v>
          </cell>
          <cell r="G56">
            <v>6681070.8420000002</v>
          </cell>
        </row>
        <row r="57">
          <cell r="E57" t="str">
            <v>1540003</v>
          </cell>
          <cell r="G57">
            <v>20347.050000000017</v>
          </cell>
        </row>
        <row r="58">
          <cell r="E58" t="str">
            <v>1540004</v>
          </cell>
          <cell r="G58">
            <v>0</v>
          </cell>
        </row>
        <row r="59">
          <cell r="E59" t="str">
            <v>1540006</v>
          </cell>
          <cell r="G59">
            <v>0</v>
          </cell>
        </row>
        <row r="60">
          <cell r="E60" t="str">
            <v>1540012</v>
          </cell>
          <cell r="G60">
            <v>0</v>
          </cell>
        </row>
        <row r="61">
          <cell r="E61" t="str">
            <v>1540013</v>
          </cell>
          <cell r="G61">
            <v>553688.81000000006</v>
          </cell>
        </row>
        <row r="62">
          <cell r="E62" t="str">
            <v>1540022</v>
          </cell>
          <cell r="G62">
            <v>0</v>
          </cell>
        </row>
        <row r="63">
          <cell r="E63" t="str">
            <v>1540023</v>
          </cell>
          <cell r="G63">
            <v>0</v>
          </cell>
        </row>
        <row r="64">
          <cell r="E64" t="str">
            <v>1540033</v>
          </cell>
          <cell r="G64">
            <v>0</v>
          </cell>
        </row>
        <row r="65">
          <cell r="G65">
            <v>7255106.7019999996</v>
          </cell>
        </row>
        <row r="66">
          <cell r="E66" t="str">
            <v>1070000</v>
          </cell>
          <cell r="G66">
            <v>-5.0000000000000001E-3</v>
          </cell>
        </row>
        <row r="67">
          <cell r="E67" t="str">
            <v>1070001</v>
          </cell>
          <cell r="G67">
            <v>49939970.739000008</v>
          </cell>
        </row>
        <row r="68">
          <cell r="E68" t="str">
            <v>1070007</v>
          </cell>
          <cell r="G68">
            <v>1167707.2299999997</v>
          </cell>
        </row>
        <row r="69">
          <cell r="G69">
            <v>51107677.964000002</v>
          </cell>
        </row>
        <row r="70">
          <cell r="E70" t="str">
            <v>2520000</v>
          </cell>
          <cell r="G70">
            <v>-100134.01</v>
          </cell>
        </row>
        <row r="71">
          <cell r="E71" t="str">
            <v>1340018</v>
          </cell>
          <cell r="G71">
            <v>0</v>
          </cell>
        </row>
        <row r="72">
          <cell r="E72" t="str">
            <v>1340048</v>
          </cell>
          <cell r="G72">
            <v>0</v>
          </cell>
        </row>
        <row r="73">
          <cell r="E73" t="str">
            <v>1340051</v>
          </cell>
          <cell r="G73">
            <v>0</v>
          </cell>
        </row>
        <row r="74">
          <cell r="E74" t="str">
            <v>1340057</v>
          </cell>
          <cell r="G74">
            <v>0</v>
          </cell>
        </row>
        <row r="75">
          <cell r="E75" t="str">
            <v>2350001</v>
          </cell>
          <cell r="G75">
            <v>-39415318.470000006</v>
          </cell>
        </row>
        <row r="76">
          <cell r="E76" t="str">
            <v>2350003</v>
          </cell>
          <cell r="G76">
            <v>0</v>
          </cell>
        </row>
        <row r="77">
          <cell r="E77" t="str">
            <v>2350003</v>
          </cell>
          <cell r="G77">
            <v>-39515452.480000004</v>
          </cell>
        </row>
        <row r="78">
          <cell r="E78" t="str">
            <v>2811001</v>
          </cell>
          <cell r="G78">
            <v>0</v>
          </cell>
        </row>
        <row r="79">
          <cell r="E79" t="str">
            <v>2821001</v>
          </cell>
          <cell r="G79">
            <v>-114073102.75</v>
          </cell>
        </row>
        <row r="80">
          <cell r="E80" t="str">
            <v>2831001</v>
          </cell>
          <cell r="G80">
            <v>-18060298.879999999</v>
          </cell>
        </row>
        <row r="81">
          <cell r="E81" t="str">
            <v>2831102</v>
          </cell>
          <cell r="G81">
            <v>0</v>
          </cell>
        </row>
        <row r="82">
          <cell r="E82" t="str">
            <v>1901001</v>
          </cell>
          <cell r="G82">
            <v>4171800.784</v>
          </cell>
        </row>
        <row r="83">
          <cell r="E83" t="str">
            <v>1901002</v>
          </cell>
          <cell r="G83">
            <v>10280</v>
          </cell>
        </row>
        <row r="84">
          <cell r="E84" t="str">
            <v>2550001</v>
          </cell>
          <cell r="G84">
            <v>0</v>
          </cell>
        </row>
        <row r="85">
          <cell r="E85" t="str">
            <v>2544001</v>
          </cell>
          <cell r="G85">
            <v>-33885491.469999999</v>
          </cell>
        </row>
        <row r="86">
          <cell r="E86" t="str">
            <v>2814001</v>
          </cell>
          <cell r="G86">
            <v>0</v>
          </cell>
        </row>
        <row r="87">
          <cell r="E87" t="str">
            <v>2824001</v>
          </cell>
          <cell r="G87">
            <v>25303476</v>
          </cell>
        </row>
        <row r="88">
          <cell r="E88" t="str">
            <v>2834001</v>
          </cell>
          <cell r="G88">
            <v>125552.21999999997</v>
          </cell>
        </row>
        <row r="89">
          <cell r="E89" t="str">
            <v>1904001</v>
          </cell>
          <cell r="G89">
            <v>8456463.25</v>
          </cell>
        </row>
        <row r="90">
          <cell r="E90" t="str">
            <v>2543001</v>
          </cell>
          <cell r="G90">
            <v>4.6399999999999997</v>
          </cell>
        </row>
        <row r="91">
          <cell r="E91" t="str">
            <v>2823001</v>
          </cell>
          <cell r="G91">
            <v>-23566390.949999999</v>
          </cell>
        </row>
        <row r="92">
          <cell r="E92" t="str">
            <v>2833001</v>
          </cell>
          <cell r="G92">
            <v>-10843032.379999999</v>
          </cell>
        </row>
        <row r="93">
          <cell r="E93" t="str">
            <v>2833002</v>
          </cell>
          <cell r="G93">
            <v>-28356995.219999999</v>
          </cell>
        </row>
        <row r="94">
          <cell r="E94" t="str">
            <v>1823301</v>
          </cell>
          <cell r="G94">
            <v>28456720.629999999</v>
          </cell>
        </row>
        <row r="95">
          <cell r="E95" t="str">
            <v>1823302</v>
          </cell>
          <cell r="G95">
            <v>28356995.219999999</v>
          </cell>
        </row>
        <row r="96">
          <cell r="E96" t="str">
            <v>1903001</v>
          </cell>
          <cell r="G96">
            <v>5952701.54</v>
          </cell>
        </row>
        <row r="97">
          <cell r="E97" t="str">
            <v>1823302</v>
          </cell>
          <cell r="G97">
            <v>-127951317.36600003</v>
          </cell>
        </row>
        <row r="98">
          <cell r="E98" t="str">
            <v>1650014</v>
          </cell>
          <cell r="G98">
            <v>-7146111.0999999996</v>
          </cell>
        </row>
        <row r="99">
          <cell r="E99" t="str">
            <v>1650037</v>
          </cell>
          <cell r="G99">
            <v>-16036027.070000002</v>
          </cell>
        </row>
        <row r="100">
          <cell r="E100" t="str">
            <v>2530022</v>
          </cell>
          <cell r="G100">
            <v>-2262539.54</v>
          </cell>
        </row>
        <row r="101">
          <cell r="E101" t="str">
            <v>2530050</v>
          </cell>
          <cell r="G101">
            <v>-625883.31999999995</v>
          </cell>
        </row>
        <row r="102">
          <cell r="E102" t="str">
            <v>2530067</v>
          </cell>
          <cell r="G102">
            <v>0</v>
          </cell>
        </row>
        <row r="103">
          <cell r="E103" t="str">
            <v>2530092</v>
          </cell>
          <cell r="G103">
            <v>-49983</v>
          </cell>
        </row>
        <row r="104">
          <cell r="E104" t="str">
            <v>2530101</v>
          </cell>
          <cell r="G104">
            <v>-2076.4799999999996</v>
          </cell>
        </row>
        <row r="105">
          <cell r="E105" t="str">
            <v>2530112</v>
          </cell>
          <cell r="G105">
            <v>-174871.90200000003</v>
          </cell>
        </row>
        <row r="106">
          <cell r="E106" t="str">
            <v>2530124</v>
          </cell>
          <cell r="G106">
            <v>-297005.08</v>
          </cell>
        </row>
        <row r="107">
          <cell r="E107" t="str">
            <v>2530137</v>
          </cell>
          <cell r="G107">
            <v>0</v>
          </cell>
        </row>
        <row r="108">
          <cell r="E108" t="str">
            <v>2530177</v>
          </cell>
          <cell r="G108">
            <v>0</v>
          </cell>
        </row>
        <row r="109">
          <cell r="E109" t="str">
            <v>2530178</v>
          </cell>
          <cell r="G109">
            <v>0</v>
          </cell>
        </row>
        <row r="110">
          <cell r="E110" t="str">
            <v>2530185</v>
          </cell>
          <cell r="G110">
            <v>0</v>
          </cell>
        </row>
        <row r="111">
          <cell r="E111" t="str">
            <v>2530188</v>
          </cell>
          <cell r="G111">
            <v>0</v>
          </cell>
        </row>
        <row r="112">
          <cell r="E112" t="str">
            <v>2530190</v>
          </cell>
          <cell r="G112">
            <v>0</v>
          </cell>
        </row>
        <row r="113">
          <cell r="E113" t="str">
            <v>2540047</v>
          </cell>
          <cell r="G113">
            <v>0</v>
          </cell>
        </row>
        <row r="114">
          <cell r="E114" t="str">
            <v>2540071</v>
          </cell>
          <cell r="G114">
            <v>0</v>
          </cell>
        </row>
        <row r="115">
          <cell r="E115" t="str">
            <v>2540105</v>
          </cell>
          <cell r="G115">
            <v>-1.4551915228366852E-11</v>
          </cell>
        </row>
        <row r="116">
          <cell r="E116" t="str">
            <v>2540125</v>
          </cell>
          <cell r="G116">
            <v>0</v>
          </cell>
        </row>
        <row r="117">
          <cell r="E117" t="str">
            <v>2540230</v>
          </cell>
          <cell r="G117">
            <v>0</v>
          </cell>
        </row>
        <row r="118">
          <cell r="E118" t="str">
            <v>2540237</v>
          </cell>
          <cell r="G118">
            <v>0</v>
          </cell>
        </row>
        <row r="119">
          <cell r="E119" t="str">
            <v>2543246</v>
          </cell>
          <cell r="G119">
            <v>-488174.43</v>
          </cell>
        </row>
        <row r="120">
          <cell r="E120" t="str">
            <v>2543247</v>
          </cell>
          <cell r="G120">
            <v>-52532.460000000006</v>
          </cell>
        </row>
        <row r="121">
          <cell r="E121" t="str">
            <v>2543557</v>
          </cell>
          <cell r="G121">
            <v>0</v>
          </cell>
        </row>
        <row r="122">
          <cell r="E122" t="str">
            <v>2832001</v>
          </cell>
          <cell r="G122">
            <v>0</v>
          </cell>
        </row>
        <row r="123">
          <cell r="E123" t="str">
            <v>1810002</v>
          </cell>
          <cell r="G123">
            <v>85651.23</v>
          </cell>
        </row>
        <row r="124">
          <cell r="E124" t="str">
            <v>1810003</v>
          </cell>
          <cell r="G124">
            <v>52782.93</v>
          </cell>
        </row>
        <row r="125">
          <cell r="E125" t="str">
            <v>1810006</v>
          </cell>
          <cell r="G125">
            <v>1316882.7699999998</v>
          </cell>
        </row>
        <row r="126">
          <cell r="E126" t="str">
            <v>1823000</v>
          </cell>
          <cell r="G126">
            <v>0</v>
          </cell>
        </row>
        <row r="127">
          <cell r="E127" t="str">
            <v>1823007</v>
          </cell>
          <cell r="G127">
            <v>1651950</v>
          </cell>
        </row>
        <row r="128">
          <cell r="E128" t="str">
            <v>1823009</v>
          </cell>
          <cell r="G128">
            <v>4519279.9500000011</v>
          </cell>
        </row>
        <row r="129">
          <cell r="E129" t="str">
            <v>1823010</v>
          </cell>
          <cell r="G129">
            <v>-64484461.540000007</v>
          </cell>
        </row>
        <row r="130">
          <cell r="E130" t="str">
            <v>1823011</v>
          </cell>
          <cell r="G130">
            <v>16278445.26</v>
          </cell>
        </row>
        <row r="131">
          <cell r="E131" t="str">
            <v>1823012</v>
          </cell>
          <cell r="G131">
            <v>43686736.330000006</v>
          </cell>
        </row>
        <row r="132">
          <cell r="E132" t="str">
            <v>1823037</v>
          </cell>
          <cell r="G132">
            <v>0</v>
          </cell>
        </row>
        <row r="133">
          <cell r="E133" t="str">
            <v>1823063</v>
          </cell>
          <cell r="G133">
            <v>0</v>
          </cell>
        </row>
        <row r="134">
          <cell r="E134" t="str">
            <v>1823077</v>
          </cell>
          <cell r="G134">
            <v>0</v>
          </cell>
        </row>
        <row r="135">
          <cell r="E135" t="str">
            <v>1823078</v>
          </cell>
          <cell r="G135">
            <v>0</v>
          </cell>
        </row>
        <row r="136">
          <cell r="E136" t="str">
            <v>1823108</v>
          </cell>
          <cell r="G136">
            <v>142435.91999999998</v>
          </cell>
        </row>
        <row r="137">
          <cell r="E137" t="str">
            <v>1823165</v>
          </cell>
          <cell r="G137">
            <v>14989632</v>
          </cell>
        </row>
        <row r="138">
          <cell r="E138" t="str">
            <v>1823166</v>
          </cell>
          <cell r="G138">
            <v>5004842.5</v>
          </cell>
        </row>
        <row r="139">
          <cell r="E139" t="str">
            <v>1823167</v>
          </cell>
          <cell r="G139">
            <v>-101739.75</v>
          </cell>
        </row>
        <row r="140">
          <cell r="E140" t="str">
            <v>1823299</v>
          </cell>
          <cell r="G140">
            <v>226766.59000000003</v>
          </cell>
        </row>
        <row r="141">
          <cell r="E141" t="str">
            <v>1823306</v>
          </cell>
          <cell r="G141">
            <v>0</v>
          </cell>
        </row>
        <row r="142">
          <cell r="E142" t="str">
            <v>182332821</v>
          </cell>
          <cell r="G142">
            <v>0</v>
          </cell>
        </row>
        <row r="143">
          <cell r="E143" t="str">
            <v>182332822</v>
          </cell>
          <cell r="G143">
            <v>0</v>
          </cell>
        </row>
        <row r="144">
          <cell r="E144" t="str">
            <v>182332823</v>
          </cell>
          <cell r="G144">
            <v>0</v>
          </cell>
        </row>
        <row r="145">
          <cell r="E145" t="str">
            <v>1823376</v>
          </cell>
          <cell r="G145">
            <v>0</v>
          </cell>
        </row>
        <row r="146">
          <cell r="E146" t="str">
            <v>1823377</v>
          </cell>
          <cell r="G146">
            <v>0</v>
          </cell>
        </row>
        <row r="147">
          <cell r="E147" t="str">
            <v>1823378</v>
          </cell>
          <cell r="G147">
            <v>0</v>
          </cell>
        </row>
        <row r="148">
          <cell r="E148" t="str">
            <v>1823379</v>
          </cell>
          <cell r="G148">
            <v>0</v>
          </cell>
        </row>
        <row r="149">
          <cell r="E149" t="str">
            <v>1823380</v>
          </cell>
          <cell r="G149">
            <v>0</v>
          </cell>
        </row>
        <row r="150">
          <cell r="E150" t="str">
            <v>1823410</v>
          </cell>
          <cell r="G150">
            <v>0</v>
          </cell>
        </row>
        <row r="151">
          <cell r="E151" t="str">
            <v>1823411</v>
          </cell>
          <cell r="G151">
            <v>0</v>
          </cell>
        </row>
        <row r="152">
          <cell r="E152" t="str">
            <v>1823429</v>
          </cell>
          <cell r="G152">
            <v>0</v>
          </cell>
        </row>
        <row r="153">
          <cell r="E153" t="str">
            <v>1823430</v>
          </cell>
          <cell r="G153">
            <v>0</v>
          </cell>
        </row>
        <row r="154">
          <cell r="E154" t="str">
            <v>1823431</v>
          </cell>
          <cell r="G154">
            <v>0</v>
          </cell>
        </row>
        <row r="155">
          <cell r="E155" t="str">
            <v>1823515</v>
          </cell>
          <cell r="G155">
            <v>0</v>
          </cell>
        </row>
        <row r="156">
          <cell r="E156" t="str">
            <v>1823516</v>
          </cell>
          <cell r="G156">
            <v>0</v>
          </cell>
        </row>
        <row r="157">
          <cell r="E157" t="str">
            <v>1823517</v>
          </cell>
          <cell r="G157">
            <v>0</v>
          </cell>
        </row>
        <row r="158">
          <cell r="E158" t="str">
            <v>1823518</v>
          </cell>
          <cell r="G158">
            <v>0</v>
          </cell>
        </row>
        <row r="159">
          <cell r="E159" t="str">
            <v>1823520</v>
          </cell>
          <cell r="G159">
            <v>0</v>
          </cell>
        </row>
        <row r="160">
          <cell r="E160" t="str">
            <v>1823536</v>
          </cell>
          <cell r="G160">
            <v>-69171.55</v>
          </cell>
        </row>
        <row r="161">
          <cell r="E161" t="str">
            <v>1823537</v>
          </cell>
          <cell r="G161">
            <v>140325.37000000002</v>
          </cell>
        </row>
        <row r="162">
          <cell r="E162" t="str">
            <v>1823538</v>
          </cell>
          <cell r="G162">
            <v>472156.77999999997</v>
          </cell>
        </row>
        <row r="163">
          <cell r="E163" t="str">
            <v>1823547</v>
          </cell>
          <cell r="G163">
            <v>0</v>
          </cell>
        </row>
        <row r="164">
          <cell r="E164" t="str">
            <v>1823550</v>
          </cell>
          <cell r="G164">
            <v>0</v>
          </cell>
        </row>
        <row r="165">
          <cell r="E165" t="str">
            <v>1823557</v>
          </cell>
          <cell r="G165">
            <v>0</v>
          </cell>
        </row>
        <row r="166">
          <cell r="E166" t="str">
            <v>1823571</v>
          </cell>
          <cell r="G166">
            <v>0</v>
          </cell>
        </row>
        <row r="167">
          <cell r="E167" t="str">
            <v>1823620</v>
          </cell>
          <cell r="G167">
            <v>10230601</v>
          </cell>
        </row>
        <row r="168">
          <cell r="E168" t="str">
            <v>1823623</v>
          </cell>
          <cell r="G168">
            <v>43357915</v>
          </cell>
        </row>
        <row r="169">
          <cell r="E169" t="str">
            <v>1823685</v>
          </cell>
          <cell r="G169">
            <v>0</v>
          </cell>
        </row>
        <row r="170">
          <cell r="E170" t="str">
            <v>1823698</v>
          </cell>
          <cell r="G170">
            <v>16861284.780000001</v>
          </cell>
        </row>
        <row r="171">
          <cell r="E171" t="str">
            <v>1830000</v>
          </cell>
          <cell r="G171">
            <v>131302.88</v>
          </cell>
        </row>
        <row r="172">
          <cell r="E172" t="str">
            <v>1840002</v>
          </cell>
          <cell r="G172">
            <v>0</v>
          </cell>
        </row>
        <row r="173">
          <cell r="E173" t="str">
            <v>1840063</v>
          </cell>
          <cell r="G173">
            <v>2574.5</v>
          </cell>
        </row>
        <row r="174">
          <cell r="E174" t="str">
            <v>1860002</v>
          </cell>
          <cell r="G174">
            <v>2434.54</v>
          </cell>
        </row>
        <row r="175">
          <cell r="E175" t="str">
            <v>186000321</v>
          </cell>
          <cell r="G175">
            <v>0</v>
          </cell>
        </row>
        <row r="176">
          <cell r="E176" t="str">
            <v>186000322</v>
          </cell>
          <cell r="G176">
            <v>7244814.0700000003</v>
          </cell>
        </row>
        <row r="177">
          <cell r="E177" t="str">
            <v>1860005</v>
          </cell>
          <cell r="G177">
            <v>0</v>
          </cell>
        </row>
        <row r="178">
          <cell r="E178" t="str">
            <v>1860007</v>
          </cell>
          <cell r="G178">
            <v>181257.54700000002</v>
          </cell>
        </row>
        <row r="179">
          <cell r="E179" t="str">
            <v>186008122</v>
          </cell>
          <cell r="G179">
            <v>0</v>
          </cell>
        </row>
        <row r="180">
          <cell r="E180" t="str">
            <v>186008123</v>
          </cell>
          <cell r="G180">
            <v>402255</v>
          </cell>
        </row>
        <row r="181">
          <cell r="E181" t="str">
            <v>1860153</v>
          </cell>
          <cell r="G181">
            <v>282522.33999999997</v>
          </cell>
        </row>
        <row r="182">
          <cell r="E182" t="str">
            <v>1860185</v>
          </cell>
          <cell r="G182">
            <v>0</v>
          </cell>
        </row>
        <row r="183">
          <cell r="E183" t="str">
            <v>1860192</v>
          </cell>
          <cell r="G183">
            <v>0</v>
          </cell>
        </row>
        <row r="184">
          <cell r="E184" t="str">
            <v>1860332</v>
          </cell>
          <cell r="G184">
            <v>-6978.24</v>
          </cell>
        </row>
        <row r="185">
          <cell r="E185" t="str">
            <v>1890004</v>
          </cell>
          <cell r="G185">
            <v>325290.80000000005</v>
          </cell>
        </row>
        <row r="186">
          <cell r="E186" t="str">
            <v>1902001</v>
          </cell>
          <cell r="G186">
            <v>921525.44</v>
          </cell>
        </row>
        <row r="187">
          <cell r="E187" t="str">
            <v>2270001</v>
          </cell>
          <cell r="G187">
            <v>0</v>
          </cell>
        </row>
        <row r="188">
          <cell r="E188" t="str">
            <v>2270031</v>
          </cell>
          <cell r="G188">
            <v>0.01</v>
          </cell>
        </row>
        <row r="189">
          <cell r="E189" t="str">
            <v>2270033</v>
          </cell>
          <cell r="G189">
            <v>-208557.62</v>
          </cell>
        </row>
        <row r="190">
          <cell r="E190" t="str">
            <v>2282003</v>
          </cell>
          <cell r="G190">
            <v>-287130.27999999991</v>
          </cell>
        </row>
        <row r="191">
          <cell r="E191" t="str">
            <v>2282011</v>
          </cell>
          <cell r="G191">
            <v>0</v>
          </cell>
        </row>
        <row r="192">
          <cell r="E192" t="str">
            <v>2282012</v>
          </cell>
          <cell r="G192">
            <v>0</v>
          </cell>
        </row>
        <row r="193">
          <cell r="E193" t="str">
            <v>2283000</v>
          </cell>
          <cell r="G193">
            <v>-188422.68999999997</v>
          </cell>
        </row>
        <row r="194">
          <cell r="E194" t="str">
            <v>2283002</v>
          </cell>
          <cell r="G194">
            <v>-23544.53</v>
          </cell>
        </row>
        <row r="195">
          <cell r="E195" t="str">
            <v>2283005</v>
          </cell>
          <cell r="G195">
            <v>-1007163.79</v>
          </cell>
        </row>
        <row r="196">
          <cell r="E196" t="str">
            <v>2283006</v>
          </cell>
          <cell r="G196">
            <v>-16438.75</v>
          </cell>
        </row>
        <row r="197">
          <cell r="E197" t="str">
            <v>2283013</v>
          </cell>
          <cell r="G197">
            <v>-58914.42</v>
          </cell>
        </row>
        <row r="198">
          <cell r="E198" t="str">
            <v>2283015</v>
          </cell>
          <cell r="G198">
            <v>105987.23</v>
          </cell>
        </row>
        <row r="199">
          <cell r="E199" t="str">
            <v>2283016</v>
          </cell>
          <cell r="G199">
            <v>-7827082.1500000004</v>
          </cell>
        </row>
        <row r="200">
          <cell r="E200" t="str">
            <v>2290002</v>
          </cell>
          <cell r="G200">
            <v>0</v>
          </cell>
        </row>
        <row r="201">
          <cell r="E201" t="str">
            <v>2300001</v>
          </cell>
          <cell r="G201">
            <v>-190695.62000000002</v>
          </cell>
        </row>
        <row r="202">
          <cell r="E202" t="str">
            <v>2300002</v>
          </cell>
          <cell r="G202">
            <v>0</v>
          </cell>
        </row>
        <row r="203">
          <cell r="E203" t="str">
            <v>1210001</v>
          </cell>
          <cell r="G203">
            <v>83276</v>
          </cell>
        </row>
        <row r="204">
          <cell r="E204" t="str">
            <v>1220001</v>
          </cell>
          <cell r="G204">
            <v>39021.4</v>
          </cell>
        </row>
        <row r="205">
          <cell r="E205" t="str">
            <v>1220003</v>
          </cell>
          <cell r="G205">
            <v>0</v>
          </cell>
        </row>
        <row r="206">
          <cell r="E206" t="str">
            <v>1240007</v>
          </cell>
          <cell r="G206">
            <v>30406.82</v>
          </cell>
        </row>
        <row r="207">
          <cell r="E207" t="str">
            <v>1240027</v>
          </cell>
          <cell r="G207">
            <v>0</v>
          </cell>
        </row>
        <row r="208">
          <cell r="E208" t="str">
            <v>1240028</v>
          </cell>
          <cell r="G208">
            <v>0</v>
          </cell>
        </row>
        <row r="209">
          <cell r="E209" t="str">
            <v>1240029</v>
          </cell>
          <cell r="G209">
            <v>0</v>
          </cell>
        </row>
        <row r="210">
          <cell r="E210" t="str">
            <v>1240092</v>
          </cell>
          <cell r="G210">
            <v>49983</v>
          </cell>
        </row>
        <row r="211">
          <cell r="E211" t="str">
            <v>1290001</v>
          </cell>
          <cell r="G211">
            <v>10574197.49</v>
          </cell>
        </row>
        <row r="212">
          <cell r="E212" t="str">
            <v>1290002</v>
          </cell>
          <cell r="G212">
            <v>456987.07999999996</v>
          </cell>
        </row>
        <row r="213">
          <cell r="E213" t="str">
            <v>1080013</v>
          </cell>
          <cell r="G213">
            <v>157539.52000000002</v>
          </cell>
        </row>
        <row r="214">
          <cell r="E214" t="str">
            <v>1080013</v>
          </cell>
          <cell r="G214">
            <v>78403558.765000015</v>
          </cell>
        </row>
        <row r="215">
          <cell r="E215" t="str">
            <v>1310000</v>
          </cell>
          <cell r="G215">
            <v>1828262.0500000003</v>
          </cell>
        </row>
        <row r="216">
          <cell r="E216" t="str">
            <v>1340053</v>
          </cell>
          <cell r="G216">
            <v>22325.11</v>
          </cell>
        </row>
        <row r="217">
          <cell r="E217" t="str">
            <v>1420001</v>
          </cell>
          <cell r="G217">
            <v>34611327.285999998</v>
          </cell>
        </row>
        <row r="218">
          <cell r="E218" t="str">
            <v>1420014</v>
          </cell>
          <cell r="G218">
            <v>0</v>
          </cell>
        </row>
        <row r="219">
          <cell r="E219" t="str">
            <v>1420019</v>
          </cell>
          <cell r="G219">
            <v>0</v>
          </cell>
        </row>
        <row r="220">
          <cell r="E220" t="str">
            <v>1420023</v>
          </cell>
          <cell r="G220">
            <v>0</v>
          </cell>
        </row>
        <row r="221">
          <cell r="E221" t="str">
            <v>1420024</v>
          </cell>
          <cell r="G221">
            <v>0</v>
          </cell>
        </row>
        <row r="222">
          <cell r="E222" t="str">
            <v>1420027</v>
          </cell>
          <cell r="G222">
            <v>52115</v>
          </cell>
        </row>
        <row r="223">
          <cell r="E223" t="str">
            <v>1420028</v>
          </cell>
          <cell r="G223">
            <v>887875.15</v>
          </cell>
        </row>
        <row r="224">
          <cell r="E224" t="str">
            <v>1420033</v>
          </cell>
          <cell r="G224">
            <v>150</v>
          </cell>
        </row>
        <row r="225">
          <cell r="E225" t="str">
            <v>1420042</v>
          </cell>
          <cell r="G225">
            <v>0</v>
          </cell>
        </row>
        <row r="226">
          <cell r="E226" t="str">
            <v>1420044</v>
          </cell>
          <cell r="G226">
            <v>366022</v>
          </cell>
        </row>
        <row r="227">
          <cell r="E227" t="str">
            <v>1420050</v>
          </cell>
          <cell r="G227">
            <v>0</v>
          </cell>
        </row>
        <row r="228">
          <cell r="E228" t="str">
            <v>1420058</v>
          </cell>
          <cell r="G228">
            <v>-109695.79</v>
          </cell>
        </row>
        <row r="229">
          <cell r="E229" t="str">
            <v>1420059</v>
          </cell>
          <cell r="G229">
            <v>19745.27</v>
          </cell>
        </row>
        <row r="230">
          <cell r="E230" t="str">
            <v>1420060</v>
          </cell>
          <cell r="G230">
            <v>0</v>
          </cell>
        </row>
        <row r="231">
          <cell r="E231" t="str">
            <v>1420062</v>
          </cell>
          <cell r="G231">
            <v>0</v>
          </cell>
        </row>
        <row r="232">
          <cell r="E232" t="str">
            <v>1420102</v>
          </cell>
          <cell r="G232">
            <v>2151936.7300000004</v>
          </cell>
        </row>
        <row r="233">
          <cell r="E233" t="str">
            <v>1420103</v>
          </cell>
          <cell r="G233">
            <v>0</v>
          </cell>
        </row>
        <row r="234">
          <cell r="E234" t="str">
            <v>1430022</v>
          </cell>
          <cell r="G234">
            <v>11728.16</v>
          </cell>
        </row>
        <row r="235">
          <cell r="E235" t="str">
            <v>1430023</v>
          </cell>
          <cell r="G235">
            <v>0</v>
          </cell>
        </row>
        <row r="236">
          <cell r="E236" t="str">
            <v>1430081</v>
          </cell>
          <cell r="G236">
            <v>4.5474735088646412E-13</v>
          </cell>
        </row>
        <row r="237">
          <cell r="E237" t="str">
            <v>1430083</v>
          </cell>
          <cell r="G237">
            <v>0</v>
          </cell>
        </row>
        <row r="238">
          <cell r="E238" t="str">
            <v>1430101</v>
          </cell>
          <cell r="G238">
            <v>0</v>
          </cell>
        </row>
        <row r="239">
          <cell r="E239" t="str">
            <v>1430102</v>
          </cell>
          <cell r="G239">
            <v>26873.35</v>
          </cell>
        </row>
        <row r="240">
          <cell r="E240" t="str">
            <v>1440001</v>
          </cell>
          <cell r="G240">
            <v>-696683.23999999987</v>
          </cell>
        </row>
        <row r="241">
          <cell r="E241" t="str">
            <v>1440002</v>
          </cell>
          <cell r="G241">
            <v>-7593.99</v>
          </cell>
        </row>
        <row r="242">
          <cell r="E242" t="str">
            <v>1460001</v>
          </cell>
          <cell r="G242">
            <v>581409.63000000035</v>
          </cell>
        </row>
        <row r="243">
          <cell r="E243" t="str">
            <v>1460006</v>
          </cell>
          <cell r="G243">
            <v>1108526.27</v>
          </cell>
        </row>
        <row r="244">
          <cell r="E244" t="str">
            <v>1460009</v>
          </cell>
          <cell r="G244">
            <v>1681116.6800000002</v>
          </cell>
        </row>
        <row r="245">
          <cell r="E245" t="str">
            <v>1460011</v>
          </cell>
          <cell r="G245">
            <v>488474.61000000004</v>
          </cell>
        </row>
        <row r="246">
          <cell r="E246" t="str">
            <v>1460025</v>
          </cell>
          <cell r="G246">
            <v>62905.59</v>
          </cell>
        </row>
        <row r="247">
          <cell r="E247" t="str">
            <v>1720000</v>
          </cell>
          <cell r="G247">
            <v>3283337.84</v>
          </cell>
        </row>
        <row r="248">
          <cell r="E248" t="str">
            <v>1730000</v>
          </cell>
          <cell r="G248">
            <v>19053469.539999999</v>
          </cell>
        </row>
        <row r="249">
          <cell r="E249" t="str">
            <v>1750001</v>
          </cell>
          <cell r="G249">
            <v>0</v>
          </cell>
        </row>
        <row r="250">
          <cell r="E250" t="str">
            <v>1750002</v>
          </cell>
          <cell r="G250">
            <v>0</v>
          </cell>
        </row>
        <row r="251">
          <cell r="E251" t="str">
            <v>2320001</v>
          </cell>
          <cell r="G251">
            <v>-9967827.8619999997</v>
          </cell>
        </row>
        <row r="252">
          <cell r="E252" t="str">
            <v>2320002</v>
          </cell>
          <cell r="G252">
            <v>-10600237.284</v>
          </cell>
        </row>
      </sheetData>
      <sheetData sheetId="2"/>
      <sheetData sheetId="3"/>
      <sheetData sheetId="4"/>
      <sheetData sheetId="5"/>
      <sheetData sheetId="6"/>
      <sheetData sheetId="7"/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U:\KY%20Base%20Case\2023%20Property%20Tax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337959" refreshedDate="45056.59165613426" createdVersion="8" refreshedVersion="8" minRefreshableVersion="3" recordCount="311" xr:uid="{14B1F7C6-EAE2-4E98-90D9-8AFCE95DA5F5}">
  <cacheSource type="worksheet">
    <worksheetSource ref="A1:AB312" sheet="PS Query" r:id="rId2"/>
  </cacheSource>
  <cacheFields count="30">
    <cacheField name="Business Unit" numFmtId="0">
      <sharedItems count="3">
        <s v="110"/>
        <s v="117"/>
        <s v="180"/>
      </sharedItems>
    </cacheField>
    <cacheField name="JE Date" numFmtId="14">
      <sharedItems containsSemiMixedTypes="0" containsNonDate="0" containsDate="1" containsString="0" minDate="2021-01-29T00:00:00" maxDate="2023-05-01T00:00:00" count="52">
        <d v="2021-01-30T00:00:00"/>
        <d v="2021-01-31T00:00:00"/>
        <d v="2021-01-29T00:00:00"/>
        <d v="2022-01-31T00:00:00"/>
        <d v="2021-02-28T00:00:00"/>
        <d v="2022-02-28T00:00:00"/>
        <d v="2021-03-31T00:00:00"/>
        <d v="2021-03-30T00:00:00"/>
        <d v="2022-03-01T00:00:00"/>
        <d v="2022-03-31T00:00:00"/>
        <d v="2021-04-30T00:00:00"/>
        <d v="2022-04-30T00:00:00"/>
        <d v="2021-05-31T00:00:00"/>
        <d v="2022-05-31T00:00:00"/>
        <d v="2021-06-30T00:00:00"/>
        <d v="2022-06-29T00:00:00"/>
        <d v="2022-06-30T00:00:00"/>
        <d v="2021-07-31T00:00:00"/>
        <d v="2021-08-31T00:00:00"/>
        <d v="2021-09-30T00:00:00"/>
        <d v="2021-09-25T00:00:00"/>
        <d v="2021-10-31T00:00:00"/>
        <d v="2021-11-30T00:00:00"/>
        <d v="2021-12-31T00:00:00"/>
        <d v="2022-01-30T00:00:00"/>
        <d v="2023-01-31T00:00:00"/>
        <d v="2022-06-28T00:00:00"/>
        <d v="2022-07-31T00:00:00"/>
        <d v="2022-07-29T00:00:00"/>
        <d v="2022-08-31T00:00:00"/>
        <d v="2022-09-30T00:00:00"/>
        <d v="2022-10-31T00:00:00"/>
        <d v="2022-11-30T00:00:00"/>
        <d v="2022-12-30T00:00:00"/>
        <d v="2023-02-20T00:00:00"/>
        <d v="2023-03-31T00:00:00"/>
        <d v="2023-04-30T00:00:00"/>
        <d v="2022-01-28T00:00:00"/>
        <d v="2023-02-16T00:00:00"/>
        <d v="2022-01-29T00:00:00"/>
        <d v="2023-02-25T00:00:00"/>
        <d v="2023-02-28T00:00:00"/>
        <d v="2023-03-30T00:00:00"/>
        <d v="2021-07-29T00:00:00"/>
        <d v="2021-08-30T00:00:00"/>
        <d v="2022-09-25T00:00:00"/>
        <d v="2022-09-15T00:00:00"/>
        <d v="2022-10-15T00:00:00"/>
        <d v="2022-11-25T00:00:00"/>
        <d v="2022-12-31T00:00:00"/>
        <d v="2022-12-25T00:00:00"/>
        <d v="2021-12-26T00:00:00"/>
      </sharedItems>
      <fieldGroup par="29" base="1">
        <rangePr groupBy="months" startDate="2021-01-29T00:00:00" endDate="2023-05-01T00:00:00"/>
        <groupItems count="14">
          <s v="&lt;1/29/2021"/>
          <s v="Jan"/>
          <s v="Feb"/>
          <s v="Mar"/>
          <s v="Apr"/>
          <s v="May"/>
          <s v="Jun"/>
          <s v="Jul"/>
          <s v="Aug"/>
          <s v="Sep"/>
          <s v="Oct"/>
          <s v="Nov"/>
          <s v="Dec"/>
          <s v="&gt;5/1/2023"/>
        </groupItems>
      </fieldGroup>
    </cacheField>
    <cacheField name="JE ID" numFmtId="0">
      <sharedItems count="37">
        <s v="TXAMTPTX"/>
        <s v="MITC451835"/>
        <s v="TXAMTJKN"/>
        <s v="MITC469041"/>
        <s v="TXAMTABA"/>
        <s v="MITC488729"/>
        <s v="MITC506791"/>
        <s v="MITC525041"/>
        <s v="INTCOM0414"/>
        <s v="MITC542294"/>
        <s v="MITC342552"/>
        <s v="MITC361306"/>
        <s v="MITC378853"/>
        <s v="MITC397469"/>
        <s v="MITC414388"/>
        <s v="MITC433266"/>
        <s v="TXACCABA"/>
        <s v="TXACCJKN"/>
        <s v="TXOUAABA"/>
        <s v="MITC671960"/>
        <s v="MITC688392"/>
        <s v="INTCOM6681"/>
        <s v="INTCOM7412"/>
        <s v="MITC709554"/>
        <s v="INTCOM5476"/>
        <s v="MITC727558"/>
        <s v="INTCOM8877"/>
        <s v="MITC561024"/>
        <s v="INTCOM8079"/>
        <s v="MITC580233"/>
        <s v="TXOUAJKN"/>
        <s v="MITCH_JB"/>
        <s v="INTCOM6011"/>
        <s v="INTCOM3845"/>
        <s v="INTCOM1910"/>
        <s v="INTCOM0629"/>
        <s v="TXACCPTX"/>
      </sharedItems>
    </cacheField>
    <cacheField name="Month" numFmtId="0">
      <sharedItems containsSemiMixedTypes="0" containsString="0" containsNumber="1" containsInteger="1" minValue="1" maxValue="12"/>
    </cacheField>
    <cacheField name="Year" numFmtId="0">
      <sharedItems containsSemiMixedTypes="0" containsString="0" containsNumber="1" containsInteger="1" minValue="2021" maxValue="2023"/>
    </cacheField>
    <cacheField name="Account" numFmtId="0">
      <sharedItems count="9">
        <s v="408100520"/>
        <s v="408102922"/>
        <s v="408103620"/>
        <s v="408100522"/>
        <s v="408103622"/>
        <s v="408100521"/>
        <s v="408102920"/>
        <s v="408102921"/>
        <s v="408103621"/>
      </sharedItems>
    </cacheField>
    <cacheField name="Account Descrip." numFmtId="0">
      <sharedItems/>
    </cacheField>
    <cacheField name="JE Description" numFmtId="0">
      <sharedItems/>
    </cacheField>
    <cacheField name="OPERATING_UNIT" numFmtId="0">
      <sharedItems/>
    </cacheField>
    <cacheField name="DEPTID" numFmtId="0">
      <sharedItems/>
    </cacheField>
    <cacheField name="Debit / (Credit)" numFmtId="0">
      <sharedItems containsSemiMixedTypes="0" containsString="0" containsNumber="1" minValue="-804960" maxValue="827136"/>
    </cacheField>
    <cacheField name="PRODUCT" numFmtId="0">
      <sharedItems/>
    </cacheField>
    <cacheField name="AFFILIATE" numFmtId="0">
      <sharedItems/>
    </cacheField>
    <cacheField name="BUSINESS_UNIT_PC" numFmtId="0">
      <sharedItems/>
    </cacheField>
    <cacheField name="ACTIVITY_ID" numFmtId="0">
      <sharedItems/>
    </cacheField>
    <cacheField name="RESOURCE_TYPE" numFmtId="0">
      <sharedItems/>
    </cacheField>
    <cacheField name="JRNL_BALANCE_STAT" numFmtId="0">
      <sharedItems/>
    </cacheField>
    <cacheField name="PROJECT_ID" numFmtId="0">
      <sharedItems/>
    </cacheField>
    <cacheField name="RESOURCE_CATEGORY" numFmtId="0">
      <sharedItems/>
    </cacheField>
    <cacheField name="RESOURCE_SUB_CAT" numFmtId="0">
      <sharedItems/>
    </cacheField>
    <cacheField name="JRNL_HDR_STATUS" numFmtId="0">
      <sharedItems/>
    </cacheField>
    <cacheField name="JE Timestamp" numFmtId="0">
      <sharedItems/>
    </cacheField>
    <cacheField name="JOURNAL_LINE" numFmtId="0">
      <sharedItems containsSemiMixedTypes="0" containsString="0" containsNumber="1" containsInteger="1" minValue="1" maxValue="4889"/>
    </cacheField>
    <cacheField name="SOURCE" numFmtId="0">
      <sharedItems/>
    </cacheField>
    <cacheField name="OPRID" numFmtId="0">
      <sharedItems/>
    </cacheField>
    <cacheField name="JRNL_LN_REF" numFmtId="0">
      <sharedItems/>
    </cacheField>
    <cacheField name="TRANS_REF_NUM" numFmtId="0">
      <sharedItems/>
    </cacheField>
    <cacheField name="LINE_DESCR" numFmtId="0">
      <sharedItems/>
    </cacheField>
    <cacheField name="Quarters" numFmtId="0" databaseField="0">
      <fieldGroup base="1">
        <rangePr groupBy="quarters" startDate="2021-01-29T00:00:00" endDate="2023-05-01T00:00:00"/>
        <groupItems count="6">
          <s v="&lt;1/29/2021"/>
          <s v="Qtr1"/>
          <s v="Qtr2"/>
          <s v="Qtr3"/>
          <s v="Qtr4"/>
          <s v="&gt;5/1/2023"/>
        </groupItems>
      </fieldGroup>
    </cacheField>
    <cacheField name="Years" numFmtId="0" databaseField="0">
      <fieldGroup base="1">
        <rangePr groupBy="years" startDate="2021-01-29T00:00:00" endDate="2023-05-01T00:00:00"/>
        <groupItems count="5">
          <s v="&lt;1/29/2021"/>
          <s v="2021"/>
          <s v="2022"/>
          <s v="2023"/>
          <s v="&gt;5/1/2023"/>
        </groupItems>
      </fieldGroup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311">
  <r>
    <x v="0"/>
    <x v="0"/>
    <x v="0"/>
    <n v="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U"/>
    <s v="2021-02-01-11.10.37.241465"/>
    <n v="3"/>
    <s v="UPL"/>
    <s v="S131108"/>
    <s v=" "/>
    <s v="REC"/>
    <s v="KYPCO KY 2021 OWNED-KY110"/>
  </r>
  <r>
    <x v="0"/>
    <x v="1"/>
    <x v="0"/>
    <n v="1"/>
    <n v="2021"/>
    <x v="0"/>
    <s v="Real Personal Property Taxes"/>
    <s v="NORMAL MONTHLY AMORTIZATIONS"/>
    <s v="KY"/>
    <s v="12139"/>
    <n v="-804960"/>
    <s v=" "/>
    <s v=" "/>
    <s v="FINAN"/>
    <s v="G0000110"/>
    <s v="999"/>
    <s v="V"/>
    <s v="FANANDA"/>
    <s v="655"/>
    <s v=" "/>
    <s v="P"/>
    <s v="2021-02-01-10.39.25.692890"/>
    <n v="3"/>
    <s v="UPL"/>
    <s v="S131108"/>
    <s v=" "/>
    <s v="REC"/>
    <s v="KYPCO KY 2021 OWNED-KY110"/>
  </r>
  <r>
    <x v="0"/>
    <x v="1"/>
    <x v="0"/>
    <n v="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U"/>
    <s v="2021-01-31-08.03.32.838686"/>
    <n v="3"/>
    <s v="UPL"/>
    <s v="S131108"/>
    <s v=" "/>
    <s v="REC"/>
    <s v="KYPCO KY 2021 OWNED-KY110"/>
  </r>
  <r>
    <x v="0"/>
    <x v="2"/>
    <x v="0"/>
    <n v="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2-01-18.25.01.826308"/>
    <n v="3"/>
    <s v="UPL"/>
    <s v="S131108"/>
    <s v=" "/>
    <s v="REC"/>
    <s v="KYPCO KY 2021 OWNED-KY110"/>
  </r>
  <r>
    <x v="0"/>
    <x v="0"/>
    <x v="0"/>
    <n v="1"/>
    <n v="2021"/>
    <x v="0"/>
    <s v="Real Personal Property Taxes"/>
    <s v="NORMAL MONTHLY AMORTIZATIONS"/>
    <s v="KY"/>
    <s v="12139"/>
    <n v="-804960"/>
    <s v=" "/>
    <s v=" "/>
    <s v="FINAN"/>
    <s v="G0000110"/>
    <s v="999"/>
    <s v="V"/>
    <s v="FANANDA"/>
    <s v="655"/>
    <s v=" "/>
    <s v="P"/>
    <s v="2021-02-01-18.01.01.740417"/>
    <n v="3"/>
    <s v="UPL"/>
    <s v="S131108"/>
    <s v=" "/>
    <s v="REC"/>
    <s v="KYPCO KY 2021 OWNED-KY110"/>
  </r>
  <r>
    <x v="1"/>
    <x v="0"/>
    <x v="0"/>
    <n v="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U"/>
    <s v="2021-02-01-11.10.37.641098"/>
    <n v="8"/>
    <s v="UPL"/>
    <s v="S131108"/>
    <s v=" "/>
    <s v="REC"/>
    <s v="KYPCO KY 2021 OWNED-KY117"/>
  </r>
  <r>
    <x v="1"/>
    <x v="1"/>
    <x v="0"/>
    <n v="1"/>
    <n v="2021"/>
    <x v="0"/>
    <s v="Real Personal Property Taxes"/>
    <s v="NORMAL MONTHLY AMORTIZATIONS"/>
    <s v="KY"/>
    <s v="12139"/>
    <n v="-30123"/>
    <s v=" "/>
    <s v=" "/>
    <s v="FINAN"/>
    <s v="G0001096"/>
    <s v="999"/>
    <s v="V"/>
    <s v="FANANDA"/>
    <s v="655"/>
    <s v=" "/>
    <s v="P"/>
    <s v="2021-02-01-10.39.26.472049"/>
    <n v="8"/>
    <s v="UPL"/>
    <s v="S131108"/>
    <s v=" "/>
    <s v="REC"/>
    <s v="KYPCO KY 2021 OWNED-KY117"/>
  </r>
  <r>
    <x v="1"/>
    <x v="1"/>
    <x v="0"/>
    <n v="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U"/>
    <s v="2021-01-31-08.03.33.562517"/>
    <n v="8"/>
    <s v="UPL"/>
    <s v="S131108"/>
    <s v=" "/>
    <s v="REC"/>
    <s v="KYPCO KY 2021 OWNED-KY117"/>
  </r>
  <r>
    <x v="1"/>
    <x v="2"/>
    <x v="0"/>
    <n v="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2-01-18.25.02.510544"/>
    <n v="8"/>
    <s v="UPL"/>
    <s v="S131108"/>
    <s v=" "/>
    <s v="REC"/>
    <s v="KYPCO KY 2021 OWNED-KY117"/>
  </r>
  <r>
    <x v="1"/>
    <x v="0"/>
    <x v="0"/>
    <n v="1"/>
    <n v="2021"/>
    <x v="0"/>
    <s v="Real Personal Property Taxes"/>
    <s v="NORMAL MONTHLY AMORTIZATIONS"/>
    <s v="KY"/>
    <s v="12139"/>
    <n v="-30123"/>
    <s v=" "/>
    <s v=" "/>
    <s v="FINAN"/>
    <s v="G0001096"/>
    <s v="999"/>
    <s v="V"/>
    <s v="FANANDA"/>
    <s v="655"/>
    <s v=" "/>
    <s v="P"/>
    <s v="2021-02-01-18.01.03.035187"/>
    <n v="8"/>
    <s v="UPL"/>
    <s v="S131108"/>
    <s v=" "/>
    <s v="REC"/>
    <s v="KYPCO KY 2021 OWNED-KY117"/>
  </r>
  <r>
    <x v="1"/>
    <x v="3"/>
    <x v="1"/>
    <n v="1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2-03-11.55.37.187980"/>
    <n v="185"/>
    <s v="GLA"/>
    <s v="GLBATCH"/>
    <s v=" "/>
    <s v=" "/>
    <s v="Mitchell Joint Facility"/>
  </r>
  <r>
    <x v="1"/>
    <x v="3"/>
    <x v="2"/>
    <n v="1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2-01-07.46.36.652351"/>
    <n v="92"/>
    <s v="ONB"/>
    <s v="S296216"/>
    <s v=" "/>
    <s v="REC"/>
    <s v="WPCO WV 2021 OWNED-WV413"/>
  </r>
  <r>
    <x v="1"/>
    <x v="3"/>
    <x v="2"/>
    <n v="1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2-01-07.46.36.652351"/>
    <n v="19"/>
    <s v="ONB"/>
    <s v="S296216"/>
    <s v=" "/>
    <s v="REC"/>
    <s v="KYPCO WV 2021 OWNED-WV117"/>
  </r>
  <r>
    <x v="2"/>
    <x v="1"/>
    <x v="0"/>
    <n v="1"/>
    <n v="2021"/>
    <x v="0"/>
    <s v="Real Personal Property Taxes"/>
    <s v="NORMAL MONTHLY AMORTIZATIONS"/>
    <s v="KY"/>
    <s v="12139"/>
    <n v="-424428"/>
    <s v=" "/>
    <s v=" "/>
    <s v="FINAN"/>
    <s v="G0000180"/>
    <s v="999"/>
    <s v="V"/>
    <s v="FANANDA"/>
    <s v="655"/>
    <s v=" "/>
    <s v="P"/>
    <s v="2021-02-01-10.39.29.322498"/>
    <n v="52"/>
    <s v="UPL"/>
    <s v="S131108"/>
    <s v=" "/>
    <s v="REC"/>
    <s v="KYPCO KY 2021 OWNED-KY180"/>
  </r>
  <r>
    <x v="2"/>
    <x v="0"/>
    <x v="0"/>
    <n v="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U"/>
    <s v="2021-02-01-11.10.39.410032"/>
    <n v="52"/>
    <s v="UPL"/>
    <s v="S131108"/>
    <s v=" "/>
    <s v="REC"/>
    <s v="KYPCO KY 2021 OWNED-KY180"/>
  </r>
  <r>
    <x v="2"/>
    <x v="1"/>
    <x v="0"/>
    <n v="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U"/>
    <s v="2021-01-31-08.03.35.775133"/>
    <n v="52"/>
    <s v="UPL"/>
    <s v="S131108"/>
    <s v=" "/>
    <s v="REC"/>
    <s v="KYPCO KY 2021 OWNED-KY180"/>
  </r>
  <r>
    <x v="2"/>
    <x v="0"/>
    <x v="0"/>
    <n v="1"/>
    <n v="2021"/>
    <x v="0"/>
    <s v="Real Personal Property Taxes"/>
    <s v="NORMAL MONTHLY AMORTIZATIONS"/>
    <s v="KY"/>
    <s v="12139"/>
    <n v="-424428"/>
    <s v=" "/>
    <s v=" "/>
    <s v="FINAN"/>
    <s v="G0000180"/>
    <s v="999"/>
    <s v="V"/>
    <s v="FANANDA"/>
    <s v="655"/>
    <s v=" "/>
    <s v="P"/>
    <s v="2021-02-01-18.01.08.812005"/>
    <n v="52"/>
    <s v="UPL"/>
    <s v="S131108"/>
    <s v=" "/>
    <s v="REC"/>
    <s v="KYPCO KY 2021 OWNED-KY180"/>
  </r>
  <r>
    <x v="2"/>
    <x v="2"/>
    <x v="0"/>
    <n v="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2-01-18.25.05.115998"/>
    <n v="52"/>
    <s v="UPL"/>
    <s v="S131108"/>
    <s v=" "/>
    <s v="REC"/>
    <s v="KYPCO KY 2021 OWNED-KY180"/>
  </r>
  <r>
    <x v="0"/>
    <x v="4"/>
    <x v="0"/>
    <n v="2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2-27-01.01.29.435546"/>
    <n v="3"/>
    <s v="UPL"/>
    <s v="S297197"/>
    <s v=" "/>
    <s v="REC"/>
    <s v="KYPCO KY 2021 OWNED-KY110"/>
  </r>
  <r>
    <x v="1"/>
    <x v="4"/>
    <x v="0"/>
    <n v="2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2-27-01.01.30.102120"/>
    <n v="8"/>
    <s v="UPL"/>
    <s v="S297197"/>
    <s v=" "/>
    <s v="REC"/>
    <s v="KYPCO KY 2021 OWNED-KY117"/>
  </r>
  <r>
    <x v="1"/>
    <x v="5"/>
    <x v="3"/>
    <n v="2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3-03-11.54.46.892594"/>
    <n v="173"/>
    <s v="GLA"/>
    <s v="GLBATCH"/>
    <s v=" "/>
    <s v=" "/>
    <s v="Mitchell Joint Facility"/>
  </r>
  <r>
    <x v="1"/>
    <x v="5"/>
    <x v="2"/>
    <n v="2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2-28-13.39.00.616736"/>
    <n v="19"/>
    <s v="ONB"/>
    <s v="S294989"/>
    <s v=" "/>
    <s v="REC"/>
    <s v="KYPCO WV 2021 OWNED-WV117"/>
  </r>
  <r>
    <x v="1"/>
    <x v="5"/>
    <x v="2"/>
    <n v="2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2-28-13.39.00.616736"/>
    <n v="84"/>
    <s v="ONB"/>
    <s v="S294989"/>
    <s v=" "/>
    <s v="REC"/>
    <s v="WPCO WV 2021 OWNED-WV413"/>
  </r>
  <r>
    <x v="2"/>
    <x v="4"/>
    <x v="0"/>
    <n v="2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2-27-01.01.33.729533"/>
    <n v="46"/>
    <s v="UPL"/>
    <s v="S297197"/>
    <s v=" "/>
    <s v="REC"/>
    <s v="KYPCO KY 2021 OWNED-KY180"/>
  </r>
  <r>
    <x v="0"/>
    <x v="6"/>
    <x v="4"/>
    <n v="3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U"/>
    <s v="2021-03-31-13.42.56.903338"/>
    <n v="3"/>
    <s v="UPL"/>
    <s v="S304021"/>
    <s v=" "/>
    <s v="REC"/>
    <s v="KYPCO KY 2021 OWNED-KY110"/>
  </r>
  <r>
    <x v="0"/>
    <x v="6"/>
    <x v="4"/>
    <n v="3"/>
    <n v="2021"/>
    <x v="0"/>
    <s v="Real Personal Property Taxes"/>
    <s v="NORMAL MONTHLY AMORTIZATIONS"/>
    <s v="KY"/>
    <s v="12139"/>
    <n v="-804960"/>
    <s v=" "/>
    <s v=" "/>
    <s v="FINAN"/>
    <s v="G0000110"/>
    <s v="999"/>
    <s v="V"/>
    <s v="FANANDA"/>
    <s v="655"/>
    <s v=" "/>
    <s v="P"/>
    <s v="2021-04-01-06.45.28.685650"/>
    <n v="3"/>
    <s v="UPL"/>
    <s v="S304021"/>
    <s v=" "/>
    <s v="REC"/>
    <s v="KYPCO KY 2021 OWNED-KY110"/>
  </r>
  <r>
    <x v="0"/>
    <x v="7"/>
    <x v="4"/>
    <n v="3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3-31-23.43.55.634319"/>
    <n v="3"/>
    <s v="UPL"/>
    <s v="S296208"/>
    <s v=" "/>
    <s v="REC"/>
    <s v="KYPCO KY 2021 OWNED-KY110"/>
  </r>
  <r>
    <x v="1"/>
    <x v="6"/>
    <x v="4"/>
    <n v="3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U"/>
    <s v="2021-03-31-13.42.57.670630"/>
    <n v="8"/>
    <s v="UPL"/>
    <s v="S304021"/>
    <s v=" "/>
    <s v="REC"/>
    <s v="KYPCO KY 2021 OWNED-KY117"/>
  </r>
  <r>
    <x v="1"/>
    <x v="6"/>
    <x v="4"/>
    <n v="3"/>
    <n v="2021"/>
    <x v="0"/>
    <s v="Real Personal Property Taxes"/>
    <s v="NORMAL MONTHLY AMORTIZATIONS"/>
    <s v="KY"/>
    <s v="12139"/>
    <n v="-30123"/>
    <s v=" "/>
    <s v=" "/>
    <s v="FINAN"/>
    <s v="G0001096"/>
    <s v="999"/>
    <s v="V"/>
    <s v="FANANDA"/>
    <s v="655"/>
    <s v=" "/>
    <s v="P"/>
    <s v="2021-04-01-06.45.30.392525"/>
    <n v="8"/>
    <s v="UPL"/>
    <s v="S304021"/>
    <s v=" "/>
    <s v="REC"/>
    <s v="KYPCO KY 2021 OWNED-KY117"/>
  </r>
  <r>
    <x v="1"/>
    <x v="7"/>
    <x v="4"/>
    <n v="3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3-31-23.43.56.927644"/>
    <n v="8"/>
    <s v="UPL"/>
    <s v="S296208"/>
    <s v=" "/>
    <s v="REC"/>
    <s v="KYPCO KY 2021 OWNED-KY117"/>
  </r>
  <r>
    <x v="1"/>
    <x v="8"/>
    <x v="2"/>
    <n v="3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3-31-00.57.57.059138"/>
    <n v="19"/>
    <s v="ONB"/>
    <s v="S296208"/>
    <s v=" "/>
    <s v="REC"/>
    <s v="KYPCO WV 2021 OWNED-WV117"/>
  </r>
  <r>
    <x v="1"/>
    <x v="8"/>
    <x v="2"/>
    <n v="3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3-31-00.57.57.059138"/>
    <n v="84"/>
    <s v="ONB"/>
    <s v="S296208"/>
    <s v=" "/>
    <s v="REC"/>
    <s v="WPCO WV 2021 OWNED-WV413"/>
  </r>
  <r>
    <x v="1"/>
    <x v="9"/>
    <x v="5"/>
    <n v="3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4-04-12.22.00.695959"/>
    <n v="191"/>
    <s v="GLA"/>
    <s v="GLBATCH"/>
    <s v=" "/>
    <s v=" "/>
    <s v="Mitchell Joint Facility"/>
  </r>
  <r>
    <x v="2"/>
    <x v="6"/>
    <x v="4"/>
    <n v="3"/>
    <n v="2021"/>
    <x v="0"/>
    <s v="Real Personal Property Taxes"/>
    <s v="NORMAL MONTHLY AMORTIZATIONS"/>
    <s v="KY"/>
    <s v="12139"/>
    <n v="-424428"/>
    <s v=" "/>
    <s v=" "/>
    <s v="FINAN"/>
    <s v="G0000180"/>
    <s v="999"/>
    <s v="V"/>
    <s v="FANANDA"/>
    <s v="655"/>
    <s v=" "/>
    <s v="P"/>
    <s v="2021-04-01-06.45.40.251045"/>
    <n v="48"/>
    <s v="UPL"/>
    <s v="S304021"/>
    <s v=" "/>
    <s v="REC"/>
    <s v="KYPCO KY 2021 OWNED-KY180"/>
  </r>
  <r>
    <x v="2"/>
    <x v="7"/>
    <x v="4"/>
    <n v="3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3-31-23.44.03.071829"/>
    <n v="46"/>
    <s v="UPL"/>
    <s v="S296208"/>
    <s v=" "/>
    <s v="REC"/>
    <s v="KYPCO KY 2021 OWNED-KY180"/>
  </r>
  <r>
    <x v="2"/>
    <x v="6"/>
    <x v="4"/>
    <n v="3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U"/>
    <s v="2021-03-31-13.43.00.910261"/>
    <n v="48"/>
    <s v="UPL"/>
    <s v="S304021"/>
    <s v=" "/>
    <s v="REC"/>
    <s v="KYPCO KY 2021 OWNED-KY180"/>
  </r>
  <r>
    <x v="0"/>
    <x v="10"/>
    <x v="4"/>
    <n v="4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4-30-15.48.30.491592"/>
    <n v="3"/>
    <s v="UPL"/>
    <s v="S294428"/>
    <s v=" "/>
    <s v="REC"/>
    <s v="KYPCO KY 2021 OWNED-KY110"/>
  </r>
  <r>
    <x v="1"/>
    <x v="10"/>
    <x v="4"/>
    <n v="4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4-30-15.48.31.115224"/>
    <n v="8"/>
    <s v="UPL"/>
    <s v="S294428"/>
    <s v=" "/>
    <s v="REC"/>
    <s v="KYPCO KY 2021 OWNED-KY117"/>
  </r>
  <r>
    <x v="1"/>
    <x v="11"/>
    <x v="6"/>
    <n v="4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5-04-12.53.10.591470"/>
    <n v="191"/>
    <s v="GLA"/>
    <s v="GLBATCH"/>
    <s v=" "/>
    <s v=" "/>
    <s v="Mitchell Joint Facility"/>
  </r>
  <r>
    <x v="1"/>
    <x v="11"/>
    <x v="2"/>
    <n v="4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4-29-13.15.00.980695"/>
    <n v="84"/>
    <s v="ONB"/>
    <s v="S294989"/>
    <s v=" "/>
    <s v="REC"/>
    <s v="WPCO WV 2021 OWNED-WV413"/>
  </r>
  <r>
    <x v="1"/>
    <x v="11"/>
    <x v="2"/>
    <n v="4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4-29-13.15.00.980695"/>
    <n v="19"/>
    <s v="ONB"/>
    <s v="S294989"/>
    <s v=" "/>
    <s v="REC"/>
    <s v="KYPCO WV 2021 OWNED-WV117"/>
  </r>
  <r>
    <x v="2"/>
    <x v="10"/>
    <x v="4"/>
    <n v="4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4-30-15.48.33.649857"/>
    <n v="46"/>
    <s v="UPL"/>
    <s v="S294428"/>
    <s v=" "/>
    <s v="REC"/>
    <s v="KYPCO KY 2021 OWNED-KY180"/>
  </r>
  <r>
    <x v="0"/>
    <x v="12"/>
    <x v="4"/>
    <n v="5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5-28-15.43.32.712203"/>
    <n v="3"/>
    <s v="UPL"/>
    <s v="S296216"/>
    <s v=" "/>
    <s v="REC"/>
    <s v="KYPCO KY 2021 OWNED-KY110"/>
  </r>
  <r>
    <x v="1"/>
    <x v="12"/>
    <x v="4"/>
    <n v="5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5-28-15.43.33.556406"/>
    <n v="8"/>
    <s v="UPL"/>
    <s v="S296216"/>
    <s v=" "/>
    <s v="REC"/>
    <s v="KYPCO KY 2021 OWNED-KY117"/>
  </r>
  <r>
    <x v="1"/>
    <x v="13"/>
    <x v="7"/>
    <n v="5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6-03-12.01.52.030708"/>
    <n v="217"/>
    <s v="GLA"/>
    <s v="GLBATCH"/>
    <s v=" "/>
    <s v=" "/>
    <s v="Mitchell Joint Facility"/>
  </r>
  <r>
    <x v="1"/>
    <x v="13"/>
    <x v="2"/>
    <n v="5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5-27-14.19.15.487609"/>
    <n v="19"/>
    <s v="ONB"/>
    <s v="B10104P"/>
    <s v=" "/>
    <s v="REC"/>
    <s v="KYPCO WV 2021 OWNED-WV117"/>
  </r>
  <r>
    <x v="1"/>
    <x v="13"/>
    <x v="2"/>
    <n v="5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5-27-14.19.15.487609"/>
    <n v="86"/>
    <s v="ONB"/>
    <s v="B10104P"/>
    <s v=" "/>
    <s v="REC"/>
    <s v="WPCO WV 2021 OWNED-WV413"/>
  </r>
  <r>
    <x v="2"/>
    <x v="12"/>
    <x v="4"/>
    <n v="5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5-28-15.43.36.957225"/>
    <n v="46"/>
    <s v="UPL"/>
    <s v="S296216"/>
    <s v=" "/>
    <s v="REC"/>
    <s v="KYPCO KY 2021 OWNED-KY180"/>
  </r>
  <r>
    <x v="0"/>
    <x v="14"/>
    <x v="4"/>
    <n v="6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6-30-16.38.16.023912"/>
    <n v="3"/>
    <s v="UPL"/>
    <s v="S297197"/>
    <s v=" "/>
    <s v="REC"/>
    <s v="KYPCO KY 2021 OWNED-KY110"/>
  </r>
  <r>
    <x v="1"/>
    <x v="15"/>
    <x v="2"/>
    <n v="6"/>
    <n v="2022"/>
    <x v="0"/>
    <s v="Real Personal Property Taxes"/>
    <s v="KY monthly accruals"/>
    <s v="WV"/>
    <s v="12139"/>
    <n v="234228.33"/>
    <s v=" "/>
    <s v=" "/>
    <s v="FINAN"/>
    <s v="G0001267"/>
    <s v="971"/>
    <s v="V"/>
    <s v="FANANDA"/>
    <s v="655"/>
    <s v=" "/>
    <s v="P"/>
    <s v="2022-07-07-10.03.27.213575"/>
    <n v="3"/>
    <s v="UPL"/>
    <s v="S131108"/>
    <s v=" "/>
    <s v="REC"/>
    <s v="KYPCo WV 2021 Owned WV117"/>
  </r>
  <r>
    <x v="1"/>
    <x v="14"/>
    <x v="4"/>
    <n v="6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6-30-16.38.16.446273"/>
    <n v="8"/>
    <s v="UPL"/>
    <s v="S297197"/>
    <s v=" "/>
    <s v="REC"/>
    <s v="KYPCO KY 2021 OWNED-KY117"/>
  </r>
  <r>
    <x v="1"/>
    <x v="16"/>
    <x v="8"/>
    <n v="6"/>
    <n v="2022"/>
    <x v="0"/>
    <s v="Real Personal Property Taxes"/>
    <s v="Intercompany Billing"/>
    <s v="WV"/>
    <s v="99920"/>
    <n v="277025.71999999997"/>
    <s v=" "/>
    <s v=" "/>
    <s v="FINAN"/>
    <s v="G0001267"/>
    <s v="971"/>
    <s v="V"/>
    <s v="FANANDA"/>
    <s v="655"/>
    <s v=" "/>
    <s v="P"/>
    <s v="2022-07-02-00.08.33.111439"/>
    <n v="145"/>
    <s v="PRA"/>
    <s v="GLBATCH"/>
    <s v=" "/>
    <s v=" "/>
    <s v="Intercompany Billing"/>
  </r>
  <r>
    <x v="1"/>
    <x v="16"/>
    <x v="9"/>
    <n v="6"/>
    <n v="2022"/>
    <x v="0"/>
    <s v="Real Personal Property Taxes"/>
    <s v="Mitchell Joint Facility"/>
    <s v="WV"/>
    <s v="13403"/>
    <n v="-138512.85999999999"/>
    <s v=" "/>
    <s v=" "/>
    <s v="FINAN"/>
    <s v="G0001267"/>
    <s v="971"/>
    <s v="V"/>
    <s v="FANANDA"/>
    <s v="655"/>
    <s v=" "/>
    <s v="P"/>
    <s v="2022-07-05-11.51.59.217414"/>
    <n v="176"/>
    <s v="GLA"/>
    <s v="GLBATCH"/>
    <s v=" "/>
    <s v=" "/>
    <s v="Mitchell Joint Facility"/>
  </r>
  <r>
    <x v="2"/>
    <x v="14"/>
    <x v="4"/>
    <n v="6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6-30-16.38.18.625464"/>
    <n v="46"/>
    <s v="UPL"/>
    <s v="S297197"/>
    <s v=" "/>
    <s v="REC"/>
    <s v="KYPCO KY 2021 OWNED-KY180"/>
  </r>
  <r>
    <x v="0"/>
    <x v="17"/>
    <x v="4"/>
    <n v="7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7-30-13.44.43.871641"/>
    <n v="3"/>
    <s v="ONB"/>
    <s v="S294989"/>
    <s v=" "/>
    <s v="REC"/>
    <s v="KYPCO KY 2021 OWNED-KY110"/>
  </r>
  <r>
    <x v="1"/>
    <x v="17"/>
    <x v="4"/>
    <n v="7"/>
    <n v="2021"/>
    <x v="0"/>
    <s v="Real Personal Property Taxes"/>
    <s v="NORMAL MONTHLY AMORTIZATIONS"/>
    <s v="KY"/>
    <s v="12139"/>
    <n v="30123"/>
    <s v=" "/>
    <s v=" "/>
    <s v="FINAN"/>
    <s v="G0001096"/>
    <s v="920"/>
    <s v="V"/>
    <s v="FANANDA"/>
    <s v="655"/>
    <s v=" "/>
    <s v="P"/>
    <s v="2021-07-30-13.44.44.477582"/>
    <n v="8"/>
    <s v="ONB"/>
    <s v="S294989"/>
    <s v=" "/>
    <s v="REC"/>
    <s v="KYPCO KY 2021 OWNED-KY117"/>
  </r>
  <r>
    <x v="1"/>
    <x v="17"/>
    <x v="10"/>
    <n v="7"/>
    <n v="2021"/>
    <x v="0"/>
    <s v="Real Personal Property Taxes"/>
    <s v="Mitchell Joint Facility"/>
    <s v="WV"/>
    <s v="13403"/>
    <n v="-257171.5"/>
    <s v=" "/>
    <s v=" "/>
    <s v="FINAN"/>
    <s v="G0001267"/>
    <s v="971"/>
    <s v="V"/>
    <s v="FANANDA"/>
    <s v="655"/>
    <s v=" "/>
    <s v="P"/>
    <s v="2021-08-04-12.14.02.942640"/>
    <n v="170"/>
    <s v="GLA"/>
    <s v="GLBATCH"/>
    <s v=" "/>
    <s v=" "/>
    <s v="Mitchell Joint Facility"/>
  </r>
  <r>
    <x v="1"/>
    <x v="17"/>
    <x v="2"/>
    <n v="7"/>
    <n v="2021"/>
    <x v="0"/>
    <s v="Real Personal Property Taxes"/>
    <s v="NORMAL MONTHLY AMORTIZATIONS"/>
    <s v="WV"/>
    <s v="12139"/>
    <n v="236151"/>
    <s v=" "/>
    <s v=" "/>
    <s v="FINAN"/>
    <s v="G0001267"/>
    <s v="971"/>
    <s v="V"/>
    <s v="FANANDA"/>
    <s v="655"/>
    <s v=" "/>
    <s v="P"/>
    <s v="2021-07-28-14.33.58.597909"/>
    <n v="19"/>
    <s v="ONB"/>
    <s v="S294989"/>
    <s v=" "/>
    <s v="REC"/>
    <s v="KYPCO WV 2021 OWNED-WV117"/>
  </r>
  <r>
    <x v="1"/>
    <x v="17"/>
    <x v="2"/>
    <n v="7"/>
    <n v="2021"/>
    <x v="0"/>
    <s v="Real Personal Property Taxes"/>
    <s v="NORMAL MONTHLY AMORTIZATIONS"/>
    <s v="WV"/>
    <s v="12139"/>
    <n v="278192"/>
    <s v=" "/>
    <s v=" "/>
    <s v="FINAN"/>
    <s v="G0001267"/>
    <s v="971"/>
    <s v="V"/>
    <s v="FANANDA"/>
    <s v="655"/>
    <s v=" "/>
    <s v="P"/>
    <s v="2021-07-28-14.33.58.597909"/>
    <n v="98"/>
    <s v="ONB"/>
    <s v="S294989"/>
    <s v=" "/>
    <s v="REC"/>
    <s v="WPCO WV 2021 OWNED-WV413"/>
  </r>
  <r>
    <x v="2"/>
    <x v="17"/>
    <x v="4"/>
    <n v="7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7-30-13.44.47.058000"/>
    <n v="46"/>
    <s v="ONB"/>
    <s v="S294989"/>
    <s v=" "/>
    <s v="REC"/>
    <s v="KYPCO KY 2021 OWNED-KY180"/>
  </r>
  <r>
    <x v="0"/>
    <x v="18"/>
    <x v="4"/>
    <n v="8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8-31-23.50.20.272637"/>
    <n v="3"/>
    <s v="ONB"/>
    <s v="S294989"/>
    <s v=" "/>
    <s v="REC"/>
    <s v="KYPCO KY 2021 OWNED-KY110"/>
  </r>
  <r>
    <x v="1"/>
    <x v="18"/>
    <x v="4"/>
    <n v="8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8-31-23.50.23.765926"/>
    <n v="8"/>
    <s v="ONB"/>
    <s v="S294989"/>
    <s v=" "/>
    <s v="REC"/>
    <s v="KYPCO KY 2021 OWNED-KY117"/>
  </r>
  <r>
    <x v="1"/>
    <x v="18"/>
    <x v="11"/>
    <n v="8"/>
    <n v="2021"/>
    <x v="0"/>
    <s v="Real Personal Property Taxes"/>
    <s v="Mitchell Joint Facility"/>
    <s v="WV"/>
    <s v="13403"/>
    <n v="-257171.5"/>
    <s v=" "/>
    <s v=" "/>
    <s v="FINAN"/>
    <s v="G0001267"/>
    <s v="971"/>
    <s v="V"/>
    <s v="FANANDA"/>
    <s v="655"/>
    <s v=" "/>
    <s v="P"/>
    <s v="2021-09-03-12.02.25.197997"/>
    <n v="183"/>
    <s v="GLA"/>
    <s v="GLBATCH"/>
    <s v=" "/>
    <s v=" "/>
    <s v="Mitchell Joint Facility"/>
  </r>
  <r>
    <x v="1"/>
    <x v="18"/>
    <x v="2"/>
    <n v="8"/>
    <n v="2021"/>
    <x v="0"/>
    <s v="Real Personal Property Taxes"/>
    <s v="NORMAL MONTHLY AMORTIZATIONS"/>
    <s v="WV"/>
    <s v="12139"/>
    <n v="236151"/>
    <s v=" "/>
    <s v=" "/>
    <s v="FINAN"/>
    <s v="G0001267"/>
    <s v="971"/>
    <s v="V"/>
    <s v="FANANDA"/>
    <s v="655"/>
    <s v=" "/>
    <s v="P"/>
    <s v="2021-08-30-12.50.25.237644"/>
    <n v="19"/>
    <s v="ONB"/>
    <s v="S294989"/>
    <s v=" "/>
    <s v="REC"/>
    <s v="KYPCO WV 2021 OWNED-WV117"/>
  </r>
  <r>
    <x v="1"/>
    <x v="18"/>
    <x v="2"/>
    <n v="8"/>
    <n v="2021"/>
    <x v="0"/>
    <s v="Real Personal Property Taxes"/>
    <s v="NORMAL MONTHLY AMORTIZATIONS"/>
    <s v="WV"/>
    <s v="12139"/>
    <n v="278192"/>
    <s v=" "/>
    <s v=" "/>
    <s v="FINAN"/>
    <s v="G0001267"/>
    <s v="971"/>
    <s v="V"/>
    <s v="FANANDA"/>
    <s v="655"/>
    <s v=" "/>
    <s v="P"/>
    <s v="2021-08-30-12.50.25.237644"/>
    <n v="88"/>
    <s v="ONB"/>
    <s v="S294989"/>
    <s v=" "/>
    <s v="REC"/>
    <s v="WPCO WV 2021 OWNED-WV413"/>
  </r>
  <r>
    <x v="2"/>
    <x v="18"/>
    <x v="4"/>
    <n v="8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8-31-23.50.33.521822"/>
    <n v="46"/>
    <s v="ONB"/>
    <s v="S294989"/>
    <s v=" "/>
    <s v="REC"/>
    <s v="KYPCO KY 2021 OWNED-KY180"/>
  </r>
  <r>
    <x v="0"/>
    <x v="19"/>
    <x v="4"/>
    <n v="9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10-01-09.06.42.647753"/>
    <n v="3"/>
    <s v="ONB"/>
    <s v="S294989"/>
    <s v=" "/>
    <s v="REC"/>
    <s v="KYPCO KY 2021 OWNED-KY110"/>
  </r>
  <r>
    <x v="1"/>
    <x v="20"/>
    <x v="2"/>
    <n v="9"/>
    <n v="2021"/>
    <x v="0"/>
    <s v="Real Personal Property Taxes"/>
    <s v="KYPCO WV UPDATE AMORTIZATION B"/>
    <s v="WV"/>
    <s v="12139"/>
    <n v="-3859.1"/>
    <s v=" "/>
    <s v=" "/>
    <s v="FINAN"/>
    <s v="G0000117"/>
    <s v="999"/>
    <s v="V"/>
    <s v="FANANDA"/>
    <s v="655"/>
    <s v=" "/>
    <s v="P"/>
    <s v="2021-10-01-03.42.52.371894"/>
    <n v="1"/>
    <s v="ONB"/>
    <s v="S294989"/>
    <s v=" "/>
    <s v="NONREC"/>
    <s v="UPDATE AMT TY2021"/>
  </r>
  <r>
    <x v="1"/>
    <x v="19"/>
    <x v="2"/>
    <n v="9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0-01-03.42.58.191762"/>
    <n v="19"/>
    <s v="ONB"/>
    <s v="S294989"/>
    <s v=" "/>
    <s v="REC"/>
    <s v="KYPCO WV 2021 OWNED-WV117"/>
  </r>
  <r>
    <x v="1"/>
    <x v="19"/>
    <x v="2"/>
    <n v="9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0-01-03.42.58.191762"/>
    <n v="88"/>
    <s v="ONB"/>
    <s v="S294989"/>
    <s v=" "/>
    <s v="REC"/>
    <s v="WPCO WV 2021 OWNED-WV413"/>
  </r>
  <r>
    <x v="1"/>
    <x v="19"/>
    <x v="4"/>
    <n v="9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10-01-09.06.43.331432"/>
    <n v="8"/>
    <s v="ONB"/>
    <s v="S294989"/>
    <s v=" "/>
    <s v="REC"/>
    <s v="KYPCO KY 2021 OWNED-KY117"/>
  </r>
  <r>
    <x v="1"/>
    <x v="19"/>
    <x v="12"/>
    <n v="9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1-10-04-12.32.12.110384"/>
    <n v="177"/>
    <s v="GLA"/>
    <s v="GLBATCH"/>
    <s v=" "/>
    <s v=" "/>
    <s v="Mitchell Joint Facility"/>
  </r>
  <r>
    <x v="2"/>
    <x v="19"/>
    <x v="4"/>
    <n v="9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10-01-09.06.46.696811"/>
    <n v="46"/>
    <s v="ONB"/>
    <s v="S294989"/>
    <s v=" "/>
    <s v="REC"/>
    <s v="KYPCO KY 2021 OWNED-KY180"/>
  </r>
  <r>
    <x v="0"/>
    <x v="21"/>
    <x v="4"/>
    <n v="10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10-28-13.46.28.721241"/>
    <n v="3"/>
    <s v="ONB"/>
    <s v="S294989"/>
    <s v=" "/>
    <s v="REC"/>
    <s v="KYPCO KY 2021 OWNED-KY110"/>
  </r>
  <r>
    <x v="1"/>
    <x v="21"/>
    <x v="4"/>
    <n v="10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10-28-13.46.29.286581"/>
    <n v="8"/>
    <s v="ONB"/>
    <s v="S294989"/>
    <s v=" "/>
    <s v="REC"/>
    <s v="KYPCO KY 2021 OWNED-KY117"/>
  </r>
  <r>
    <x v="1"/>
    <x v="21"/>
    <x v="13"/>
    <n v="10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1-11-03-11.53.43.066653"/>
    <n v="153"/>
    <s v="GLA"/>
    <s v="GLBATCH"/>
    <s v=" "/>
    <s v=" "/>
    <s v="Mitchell Joint Facility"/>
  </r>
  <r>
    <x v="1"/>
    <x v="21"/>
    <x v="2"/>
    <n v="10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0-28-15.52.32.255906"/>
    <n v="19"/>
    <s v="ONB"/>
    <s v="S294989"/>
    <s v=" "/>
    <s v="REC"/>
    <s v="KYPCO WV 2021 OWNED-WV117"/>
  </r>
  <r>
    <x v="1"/>
    <x v="21"/>
    <x v="2"/>
    <n v="10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0-28-15.52.32.255906"/>
    <n v="88"/>
    <s v="ONB"/>
    <s v="S294989"/>
    <s v=" "/>
    <s v="REC"/>
    <s v="WPCO WV 2021 OWNED-WV413"/>
  </r>
  <r>
    <x v="2"/>
    <x v="21"/>
    <x v="4"/>
    <n v="10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10-28-13.46.32.044017"/>
    <n v="46"/>
    <s v="ONB"/>
    <s v="S294989"/>
    <s v=" "/>
    <s v="REC"/>
    <s v="KYPCO KY 2021 OWNED-KY180"/>
  </r>
  <r>
    <x v="0"/>
    <x v="22"/>
    <x v="4"/>
    <n v="1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11-29-12.35.22.903843"/>
    <n v="3"/>
    <s v="ONB"/>
    <s v="S294989"/>
    <s v=" "/>
    <s v="REC"/>
    <s v="KYPCO KY 2021 OWNED-KY110"/>
  </r>
  <r>
    <x v="1"/>
    <x v="22"/>
    <x v="4"/>
    <n v="1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11-29-12.35.23.886755"/>
    <n v="8"/>
    <s v="ONB"/>
    <s v="S294989"/>
    <s v=" "/>
    <s v="REC"/>
    <s v="KYPCO KY 2021 OWNED-KY117"/>
  </r>
  <r>
    <x v="1"/>
    <x v="22"/>
    <x v="2"/>
    <n v="11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1-26-07.16.36.666552"/>
    <n v="88"/>
    <s v="ONB"/>
    <s v="S294989"/>
    <s v=" "/>
    <s v="REC"/>
    <s v="WPCO WV 2021 OWNED-WV413"/>
  </r>
  <r>
    <x v="1"/>
    <x v="22"/>
    <x v="14"/>
    <n v="11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1-12-03-11.59.16.255864"/>
    <n v="171"/>
    <s v="GLA"/>
    <s v="GLBATCH"/>
    <s v=" "/>
    <s v=" "/>
    <s v="Mitchell Joint Facility"/>
  </r>
  <r>
    <x v="1"/>
    <x v="22"/>
    <x v="2"/>
    <n v="11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1-26-07.16.36.666552"/>
    <n v="19"/>
    <s v="ONB"/>
    <s v="S294989"/>
    <s v=" "/>
    <s v="REC"/>
    <s v="KYPCO WV 2021 OWNED-WV117"/>
  </r>
  <r>
    <x v="2"/>
    <x v="22"/>
    <x v="4"/>
    <n v="1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11-29-12.35.27.491478"/>
    <n v="46"/>
    <s v="ONB"/>
    <s v="S294989"/>
    <s v=" "/>
    <s v="REC"/>
    <s v="KYPCO KY 2021 OWNED-KY180"/>
  </r>
  <r>
    <x v="0"/>
    <x v="23"/>
    <x v="4"/>
    <n v="12"/>
    <n v="2021"/>
    <x v="0"/>
    <s v="Real Personal Property Taxes"/>
    <s v="NORMAL MONTHLY AMORTIZATIONS"/>
    <s v="KY"/>
    <s v="12139"/>
    <n v="804962.26"/>
    <s v=" "/>
    <s v=" "/>
    <s v="FINAN"/>
    <s v="G0000110"/>
    <s v="999"/>
    <s v="V"/>
    <s v="FANANDA"/>
    <s v="655"/>
    <s v=" "/>
    <s v="P"/>
    <s v="2022-01-03-06.06.34.194839"/>
    <n v="3"/>
    <s v="ONB"/>
    <s v="S294989"/>
    <s v=" "/>
    <s v="REC"/>
    <s v="KYPCO KY 2021 OWNED-KY110"/>
  </r>
  <r>
    <x v="1"/>
    <x v="23"/>
    <x v="4"/>
    <n v="12"/>
    <n v="2021"/>
    <x v="0"/>
    <s v="Real Personal Property Taxes"/>
    <s v="NORMAL MONTHLY AMORTIZATIONS"/>
    <s v="KY"/>
    <s v="12139"/>
    <n v="30125"/>
    <s v=" "/>
    <s v=" "/>
    <s v="FINAN"/>
    <s v="G0001096"/>
    <s v="999"/>
    <s v="V"/>
    <s v="FANANDA"/>
    <s v="655"/>
    <s v=" "/>
    <s v="P"/>
    <s v="2022-01-03-06.06.34.810971"/>
    <n v="8"/>
    <s v="ONB"/>
    <s v="S294989"/>
    <s v=" "/>
    <s v="REC"/>
    <s v="KYPCO KY 2021 OWNED-KY117"/>
  </r>
  <r>
    <x v="1"/>
    <x v="23"/>
    <x v="2"/>
    <n v="12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2-31-10.00.45.774050"/>
    <n v="88"/>
    <s v="ONB"/>
    <s v="S294989"/>
    <s v=" "/>
    <s v="REC"/>
    <s v="WPCO WV 2021 OWNED-WV413"/>
  </r>
  <r>
    <x v="1"/>
    <x v="23"/>
    <x v="2"/>
    <n v="12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2-31-10.00.45.774050"/>
    <n v="19"/>
    <s v="ONB"/>
    <s v="S294989"/>
    <s v=" "/>
    <s v="REC"/>
    <s v="KYPCO WV 2021 OWNED-WV117"/>
  </r>
  <r>
    <x v="1"/>
    <x v="23"/>
    <x v="15"/>
    <n v="12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1-05-12.07.06.762558"/>
    <n v="193"/>
    <s v="GLA"/>
    <s v="GLBATCH"/>
    <s v=" "/>
    <s v=" "/>
    <s v="Mitchell Joint Facility"/>
  </r>
  <r>
    <x v="2"/>
    <x v="23"/>
    <x v="4"/>
    <n v="12"/>
    <n v="2021"/>
    <x v="0"/>
    <s v="Real Personal Property Taxes"/>
    <s v="NORMAL MONTHLY AMORTIZATIONS"/>
    <s v="KY"/>
    <s v="12139"/>
    <n v="424426.74"/>
    <s v=" "/>
    <s v=" "/>
    <s v="FINAN"/>
    <s v="G0000180"/>
    <s v="999"/>
    <s v="V"/>
    <s v="FANANDA"/>
    <s v="655"/>
    <s v=" "/>
    <s v="P"/>
    <s v="2022-01-03-06.06.38.333575"/>
    <n v="46"/>
    <s v="ONB"/>
    <s v="S294989"/>
    <s v=" "/>
    <s v="REC"/>
    <s v="KYPCO KY 2021 OWNED-KY180"/>
  </r>
  <r>
    <x v="0"/>
    <x v="24"/>
    <x v="4"/>
    <n v="1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2-01-16.05.50.412647"/>
    <n v="1"/>
    <s v="ONB"/>
    <s v="S294989"/>
    <s v=" "/>
    <s v="REC"/>
    <s v="KYPCO KY 2022 LPP-KY110"/>
  </r>
  <r>
    <x v="0"/>
    <x v="25"/>
    <x v="4"/>
    <n v="1"/>
    <n v="2023"/>
    <x v="1"/>
    <s v="Real-Pers Prop Tax-Cap Leases"/>
    <s v="KY NORMAL MONTHLY AMORTIZATION"/>
    <s v="KY"/>
    <s v="12139"/>
    <n v="44695"/>
    <s v=" "/>
    <s v=" "/>
    <s v="FINAN"/>
    <s v="G0000110"/>
    <s v="920"/>
    <s v="V"/>
    <s v="FANANDA"/>
    <s v="655"/>
    <s v=" "/>
    <s v="P"/>
    <s v="2023-02-02-20.23.45.542331"/>
    <n v="1"/>
    <s v="ONB"/>
    <s v="S296208"/>
    <s v=" "/>
    <s v="REC"/>
    <s v="KYPCO KY 2023 LPP-KY110"/>
  </r>
  <r>
    <x v="1"/>
    <x v="24"/>
    <x v="4"/>
    <n v="1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2-01-16.05.51.024597"/>
    <n v="6"/>
    <s v="ONB"/>
    <s v="S294989"/>
    <s v=" "/>
    <s v="REC"/>
    <s v="KYPCO KY 2022 LPP-KY117"/>
  </r>
  <r>
    <x v="1"/>
    <x v="25"/>
    <x v="4"/>
    <n v="1"/>
    <n v="2023"/>
    <x v="1"/>
    <s v="Real-Pers Prop Tax-Cap Leases"/>
    <s v="KY NORMAL MONTHLY AMORTIZATION"/>
    <s v="KY"/>
    <s v="12139"/>
    <n v="1509"/>
    <s v=" "/>
    <s v=" "/>
    <s v="FINAN"/>
    <s v="G0000117"/>
    <s v="920"/>
    <s v="V"/>
    <s v="FANANDA"/>
    <s v="655"/>
    <s v=" "/>
    <s v="P"/>
    <s v="2023-02-02-20.23.46.174769"/>
    <n v="6"/>
    <s v="ONB"/>
    <s v="S296208"/>
    <s v=" "/>
    <s v="REC"/>
    <s v="KYPCO KY 2023 LPP-KY117"/>
  </r>
  <r>
    <x v="2"/>
    <x v="24"/>
    <x v="4"/>
    <n v="1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2-01-16.05.53.178276"/>
    <n v="43"/>
    <s v="ONB"/>
    <s v="S294989"/>
    <s v=" "/>
    <s v="REC"/>
    <s v="KYPCO KY 2022 LPP-KY180"/>
  </r>
  <r>
    <x v="2"/>
    <x v="25"/>
    <x v="4"/>
    <n v="1"/>
    <n v="2023"/>
    <x v="1"/>
    <s v="Real-Pers Prop Tax-Cap Leases"/>
    <s v="KY NORMAL MONTHLY AMORTIZATION"/>
    <s v="KY"/>
    <s v="12139"/>
    <n v="1113"/>
    <s v=" "/>
    <s v=" "/>
    <s v="FINAN"/>
    <s v="G0000180"/>
    <s v="920"/>
    <s v="V"/>
    <s v="FANANDA"/>
    <s v="655"/>
    <s v=" "/>
    <s v="P"/>
    <s v="2023-02-02-20.23.46.600892"/>
    <n v="11"/>
    <s v="ONB"/>
    <s v="S296208"/>
    <s v=" "/>
    <s v="REC"/>
    <s v="KYPCO KY 2023 LPP-KY180"/>
  </r>
  <r>
    <x v="0"/>
    <x v="5"/>
    <x v="4"/>
    <n v="2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3-01-07.56.03.300880"/>
    <n v="1"/>
    <s v="ONB"/>
    <s v="S294989"/>
    <s v=" "/>
    <s v="REC"/>
    <s v="KYPCO KY 2022 LPP-KY110"/>
  </r>
  <r>
    <x v="1"/>
    <x v="5"/>
    <x v="4"/>
    <n v="2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3-01-07.56.04.038980"/>
    <n v="6"/>
    <s v="ONB"/>
    <s v="S294989"/>
    <s v=" "/>
    <s v="REC"/>
    <s v="KYPCO KY 2022 LPP-KY117"/>
  </r>
  <r>
    <x v="2"/>
    <x v="5"/>
    <x v="4"/>
    <n v="2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3-01-07.56.07.369083"/>
    <n v="43"/>
    <s v="ONB"/>
    <s v="S294989"/>
    <s v=" "/>
    <s v="REC"/>
    <s v="KYPCO KY 2022 LPP-KY180"/>
  </r>
  <r>
    <x v="0"/>
    <x v="9"/>
    <x v="4"/>
    <n v="3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3-31-07.37.02.434748"/>
    <n v="1"/>
    <s v="ONB"/>
    <s v="S294989"/>
    <s v=" "/>
    <s v="REC"/>
    <s v="KYPCO KY 2022 LPP-KY110"/>
  </r>
  <r>
    <x v="1"/>
    <x v="9"/>
    <x v="4"/>
    <n v="3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3-31-07.37.02.912067"/>
    <n v="6"/>
    <s v="ONB"/>
    <s v="S294989"/>
    <s v=" "/>
    <s v="REC"/>
    <s v="KYPCO KY 2022 LPP-KY117"/>
  </r>
  <r>
    <x v="2"/>
    <x v="9"/>
    <x v="4"/>
    <n v="3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3-31-07.37.05.498845"/>
    <n v="43"/>
    <s v="ONB"/>
    <s v="S294989"/>
    <s v=" "/>
    <s v="REC"/>
    <s v="KYPCO KY 2022 LPP-KY180"/>
  </r>
  <r>
    <x v="0"/>
    <x v="11"/>
    <x v="4"/>
    <n v="4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4-29-14.54.42.746782"/>
    <n v="1"/>
    <s v="ONB"/>
    <s v="S294989"/>
    <s v=" "/>
    <s v="REC"/>
    <s v="KYPCO KY 2022 LPP-KY110"/>
  </r>
  <r>
    <x v="1"/>
    <x v="11"/>
    <x v="4"/>
    <n v="4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4-29-14.54.43.492805"/>
    <n v="6"/>
    <s v="ONB"/>
    <s v="S294989"/>
    <s v=" "/>
    <s v="REC"/>
    <s v="KYPCO KY 2022 LPP-KY117"/>
  </r>
  <r>
    <x v="2"/>
    <x v="11"/>
    <x v="4"/>
    <n v="4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4-29-14.54.45.977512"/>
    <n v="43"/>
    <s v="ONB"/>
    <s v="S294989"/>
    <s v=" "/>
    <s v="REC"/>
    <s v="KYPCO KY 2022 LPP-KY180"/>
  </r>
  <r>
    <x v="0"/>
    <x v="13"/>
    <x v="4"/>
    <n v="5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5-27-13.47.02.406802"/>
    <n v="1"/>
    <s v="ONB"/>
    <s v="B10104P"/>
    <s v=" "/>
    <s v="REC"/>
    <s v="KYPCO KY 2022 LPP-KY110"/>
  </r>
  <r>
    <x v="1"/>
    <x v="13"/>
    <x v="4"/>
    <n v="5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5-27-13.47.02.912068"/>
    <n v="6"/>
    <s v="ONB"/>
    <s v="B10104P"/>
    <s v=" "/>
    <s v="REC"/>
    <s v="KYPCO KY 2022 LPP-KY117"/>
  </r>
  <r>
    <x v="2"/>
    <x v="13"/>
    <x v="4"/>
    <n v="5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5-27-13.47.05.283319"/>
    <n v="43"/>
    <s v="ONB"/>
    <s v="B10104P"/>
    <s v=" "/>
    <s v="REC"/>
    <s v="KYPCO KY 2022 LPP-KY180"/>
  </r>
  <r>
    <x v="0"/>
    <x v="26"/>
    <x v="4"/>
    <n v="6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6-22-01.03.53.724071"/>
    <n v="1"/>
    <s v="UPL"/>
    <s v="S337959"/>
    <s v=" "/>
    <s v="REC"/>
    <s v="KYPCO KY 2022 LPP-KY110"/>
  </r>
  <r>
    <x v="1"/>
    <x v="26"/>
    <x v="4"/>
    <n v="6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6-22-01.04.11.207153"/>
    <n v="6"/>
    <s v="UPL"/>
    <s v="S337959"/>
    <s v=" "/>
    <s v="REC"/>
    <s v="KYPCO KY 2022 LPP-KY117"/>
  </r>
  <r>
    <x v="2"/>
    <x v="26"/>
    <x v="4"/>
    <n v="6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6-22-01.05.27.632061"/>
    <n v="10"/>
    <s v="UPL"/>
    <s v="S337959"/>
    <s v=" "/>
    <s v="REC"/>
    <s v="KYPCO KY 2022 LPP-KY180"/>
  </r>
  <r>
    <x v="0"/>
    <x v="27"/>
    <x v="4"/>
    <n v="7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8-01-14.04.59.243723"/>
    <n v="1"/>
    <s v="ONB"/>
    <s v="B10104P"/>
    <s v=" "/>
    <s v="REC"/>
    <s v="KYPCO KY 2022 LPP-KY110"/>
  </r>
  <r>
    <x v="0"/>
    <x v="28"/>
    <x v="16"/>
    <n v="7"/>
    <n v="2022"/>
    <x v="1"/>
    <s v="Real-Pers Prop Tax-Cap Leases"/>
    <s v="Move payments to expense for L"/>
    <s v="KY"/>
    <s v="12139"/>
    <n v="7910.33"/>
    <s v=" "/>
    <s v=" "/>
    <s v="FINAN"/>
    <s v="G0000110"/>
    <s v="920"/>
    <s v="V"/>
    <s v="FANANDA"/>
    <s v="655"/>
    <s v=" "/>
    <s v="P"/>
    <s v="2022-07-29-13.44.27.713138"/>
    <n v="2"/>
    <s v="UPL"/>
    <s v="S349979"/>
    <s v=" "/>
    <s v="NONREC"/>
    <s v="MOVE LPP PAYT TO EXPENSE"/>
  </r>
  <r>
    <x v="1"/>
    <x v="27"/>
    <x v="4"/>
    <n v="7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8-01-14.05.01.031866"/>
    <n v="6"/>
    <s v="ONB"/>
    <s v="B10104P"/>
    <s v=" "/>
    <s v="REC"/>
    <s v="KYPCO KY 2022 LPP-KY117"/>
  </r>
  <r>
    <x v="1"/>
    <x v="27"/>
    <x v="17"/>
    <n v="7"/>
    <n v="2022"/>
    <x v="1"/>
    <s v="Real-Pers Prop Tax-Cap Leases"/>
    <s v="WV ONE-TIME ANNUAL ACCRUAL - A"/>
    <s v="WV"/>
    <s v="12139"/>
    <n v="6600"/>
    <s v=" "/>
    <s v=" "/>
    <s v="FINAN"/>
    <s v="G0000117"/>
    <s v="920"/>
    <s v="V"/>
    <s v="FANANDA"/>
    <s v="656"/>
    <s v=" "/>
    <s v="P"/>
    <s v="2022-07-30-12.15.09.219303"/>
    <n v="2"/>
    <s v="ONB"/>
    <s v="B10104P"/>
    <s v=" "/>
    <s v="REC"/>
    <s v="KYPCO WV 2023 LPP-WV117"/>
  </r>
  <r>
    <x v="2"/>
    <x v="27"/>
    <x v="4"/>
    <n v="7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8-01-14.05.01.988096"/>
    <n v="10"/>
    <s v="ONB"/>
    <s v="B10104P"/>
    <s v=" "/>
    <s v="REC"/>
    <s v="KYPCO KY 2022 LPP-KY180"/>
  </r>
  <r>
    <x v="0"/>
    <x v="29"/>
    <x v="4"/>
    <n v="8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8-31-08.59.40.434283"/>
    <n v="1"/>
    <s v="ONB"/>
    <s v="B10104P"/>
    <s v=" "/>
    <s v="REC"/>
    <s v="KYPCO KY 2022 LPP-KY110"/>
  </r>
  <r>
    <x v="1"/>
    <x v="29"/>
    <x v="4"/>
    <n v="8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8-31-08.59.40.950288"/>
    <n v="6"/>
    <s v="ONB"/>
    <s v="B10104P"/>
    <s v=" "/>
    <s v="REC"/>
    <s v="KYPCO KY 2022 LPP-KY117"/>
  </r>
  <r>
    <x v="2"/>
    <x v="29"/>
    <x v="4"/>
    <n v="8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8-31-08.59.41.377594"/>
    <n v="10"/>
    <s v="ONB"/>
    <s v="B10104P"/>
    <s v=" "/>
    <s v="REC"/>
    <s v="KYPCO KY 2022 LPP-KY180"/>
  </r>
  <r>
    <x v="0"/>
    <x v="30"/>
    <x v="4"/>
    <n v="9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9-30-12.35.45.358440"/>
    <n v="1"/>
    <s v="ONB"/>
    <s v="B10104P"/>
    <s v=" "/>
    <s v="REC"/>
    <s v="KYPCO KY 2022 LPP-KY110"/>
  </r>
  <r>
    <x v="1"/>
    <x v="30"/>
    <x v="4"/>
    <n v="9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9-30-12.35.45.918443"/>
    <n v="6"/>
    <s v="ONB"/>
    <s v="B10104P"/>
    <s v=" "/>
    <s v="REC"/>
    <s v="KYPCO KY 2022 LPP-KY117"/>
  </r>
  <r>
    <x v="2"/>
    <x v="30"/>
    <x v="4"/>
    <n v="9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9-30-12.35.46.340999"/>
    <n v="10"/>
    <s v="ONB"/>
    <s v="B10104P"/>
    <s v=" "/>
    <s v="REC"/>
    <s v="KYPCO KY 2022 LPP-KY180"/>
  </r>
  <r>
    <x v="0"/>
    <x v="31"/>
    <x v="4"/>
    <n v="10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10-31-15.02.27.889898"/>
    <n v="1"/>
    <s v="ONB"/>
    <s v="B10104P"/>
    <s v=" "/>
    <s v="REC"/>
    <s v="KYPCO KY 2022 LPP-KY110"/>
  </r>
  <r>
    <x v="1"/>
    <x v="31"/>
    <x v="4"/>
    <n v="10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10-31-15.02.28.442755"/>
    <n v="6"/>
    <s v="ONB"/>
    <s v="B10104P"/>
    <s v=" "/>
    <s v="REC"/>
    <s v="KYPCO KY 2022 LPP-KY117"/>
  </r>
  <r>
    <x v="2"/>
    <x v="31"/>
    <x v="4"/>
    <n v="10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10-31-15.02.28.820454"/>
    <n v="10"/>
    <s v="ONB"/>
    <s v="B10104P"/>
    <s v=" "/>
    <s v="REC"/>
    <s v="KYPCO KY 2022 LPP-KY180"/>
  </r>
  <r>
    <x v="0"/>
    <x v="32"/>
    <x v="4"/>
    <n v="11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11-30-13.40.28.134583"/>
    <n v="1"/>
    <s v="ONB"/>
    <s v="B10104P"/>
    <s v=" "/>
    <s v="REC"/>
    <s v="KYPCO KY 2022 LPP-KY110"/>
  </r>
  <r>
    <x v="1"/>
    <x v="32"/>
    <x v="4"/>
    <n v="11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11-30-13.40.28.878482"/>
    <n v="6"/>
    <s v="ONB"/>
    <s v="B10104P"/>
    <s v=" "/>
    <s v="REC"/>
    <s v="KYPCO KY 2022 LPP-KY117"/>
  </r>
  <r>
    <x v="2"/>
    <x v="32"/>
    <x v="4"/>
    <n v="11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11-30-13.40.29.468458"/>
    <n v="10"/>
    <s v="ONB"/>
    <s v="B10104P"/>
    <s v=" "/>
    <s v="REC"/>
    <s v="KYPCO KY 2022 LPP-KY180"/>
  </r>
  <r>
    <x v="0"/>
    <x v="33"/>
    <x v="4"/>
    <n v="12"/>
    <n v="2022"/>
    <x v="1"/>
    <s v="Real-Pers Prop Tax-Cap Leases"/>
    <s v="KY NORMAL MONTHLY AMORTIZATION"/>
    <s v="KY"/>
    <s v="12139"/>
    <n v="23038"/>
    <s v=" "/>
    <s v=" "/>
    <s v="FINAN"/>
    <s v="G0000110"/>
    <s v="920"/>
    <s v="V"/>
    <s v="FANANDA"/>
    <s v="655"/>
    <s v=" "/>
    <s v="P"/>
    <s v="2022-12-27-11.35.08.593444"/>
    <n v="1"/>
    <s v="ONB"/>
    <s v="B10104P"/>
    <s v=" "/>
    <s v="REC"/>
    <s v="KYPCO KY 2022 LPP-KY110"/>
  </r>
  <r>
    <x v="1"/>
    <x v="33"/>
    <x v="4"/>
    <n v="12"/>
    <n v="2022"/>
    <x v="1"/>
    <s v="Real-Pers Prop Tax-Cap Leases"/>
    <s v="KY NORMAL MONTHLY AMORTIZATION"/>
    <s v="KY"/>
    <s v="12139"/>
    <n v="1071"/>
    <s v=" "/>
    <s v=" "/>
    <s v="FINAN"/>
    <s v="G0000117"/>
    <s v="920"/>
    <s v="V"/>
    <s v="FANANDA"/>
    <s v="655"/>
    <s v=" "/>
    <s v="P"/>
    <s v="2022-12-27-11.35.09.085270"/>
    <n v="6"/>
    <s v="ONB"/>
    <s v="B10104P"/>
    <s v=" "/>
    <s v="REC"/>
    <s v="KYPCO KY 2022 LPP-KY117"/>
  </r>
  <r>
    <x v="2"/>
    <x v="33"/>
    <x v="4"/>
    <n v="12"/>
    <n v="2022"/>
    <x v="1"/>
    <s v="Real-Pers Prop Tax-Cap Leases"/>
    <s v="KY NORMAL MONTHLY AMORTIZATION"/>
    <s v="KY"/>
    <s v="12139"/>
    <n v="19703"/>
    <s v=" "/>
    <s v=" "/>
    <s v="FINAN"/>
    <s v="G0000180"/>
    <s v="920"/>
    <s v="V"/>
    <s v="FANANDA"/>
    <s v="655"/>
    <s v=" "/>
    <s v="P"/>
    <s v="2022-12-27-11.35.09.507782"/>
    <n v="10"/>
    <s v="ONB"/>
    <s v="B10104P"/>
    <s v=" "/>
    <s v="REC"/>
    <s v="KYPCO KY 2022 LPP-KY180"/>
  </r>
  <r>
    <x v="0"/>
    <x v="14"/>
    <x v="18"/>
    <n v="6"/>
    <n v="2021"/>
    <x v="2"/>
    <s v="Real Prop Tax-Cap Leases"/>
    <s v="BU 110 KYPCo Leased RE TY2020"/>
    <s v="KY"/>
    <s v="12139"/>
    <n v="804.98"/>
    <s v=" "/>
    <s v=" "/>
    <s v="FINAN"/>
    <s v="G0000110"/>
    <s v="910"/>
    <s v="V"/>
    <s v="FANANDA"/>
    <s v="655"/>
    <s v=" "/>
    <s v="P"/>
    <s v="2021-06-30-16.28.56.553489"/>
    <n v="2"/>
    <s v="UPL"/>
    <s v="S328159"/>
    <s v=" "/>
    <s v="NONREC"/>
    <s v="BU 110 KYPCO LEASED RE TY2020"/>
  </r>
  <r>
    <x v="0"/>
    <x v="25"/>
    <x v="4"/>
    <n v="1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2-02-20.23.45.542331"/>
    <n v="3"/>
    <s v="ONB"/>
    <s v="S296208"/>
    <s v=" "/>
    <s v="REC"/>
    <s v="KYPCO KY 2023 OWNED-KY110"/>
  </r>
  <r>
    <x v="1"/>
    <x v="25"/>
    <x v="4"/>
    <n v="1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2-02-20.23.46.174769"/>
    <n v="8"/>
    <s v="ONB"/>
    <s v="S296208"/>
    <s v=" "/>
    <s v="REC"/>
    <s v="KYPCO KY 2023 OWNED-KY117"/>
  </r>
  <r>
    <x v="2"/>
    <x v="25"/>
    <x v="4"/>
    <n v="1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2-02-20.23.46.600892"/>
    <n v="13"/>
    <s v="ONB"/>
    <s v="S296208"/>
    <s v=" "/>
    <s v="REC"/>
    <s v="KYPCO KY 2023 OWNED-KY180"/>
  </r>
  <r>
    <x v="0"/>
    <x v="34"/>
    <x v="4"/>
    <n v="2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2-23-11.30.42.234173"/>
    <n v="3"/>
    <s v="UPL"/>
    <s v="S294989"/>
    <s v=" "/>
    <s v="REC"/>
    <s v="KYPCO KY 2023 OWNED-KY110"/>
  </r>
  <r>
    <x v="1"/>
    <x v="34"/>
    <x v="4"/>
    <n v="2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2-23-11.30.42.757102"/>
    <n v="7"/>
    <s v="UPL"/>
    <s v="S294989"/>
    <s v=" "/>
    <s v="REC"/>
    <s v="KYPCO KY 2023 OWNED-KY117"/>
  </r>
  <r>
    <x v="2"/>
    <x v="34"/>
    <x v="4"/>
    <n v="2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2-23-11.30.43.215713"/>
    <n v="11"/>
    <s v="UPL"/>
    <s v="S294989"/>
    <s v=" "/>
    <s v="REC"/>
    <s v="KYPCO KY 2023 OWNED-KY180"/>
  </r>
  <r>
    <x v="0"/>
    <x v="35"/>
    <x v="4"/>
    <n v="3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4-03-11.39.06.086568"/>
    <n v="3"/>
    <s v="ONB"/>
    <s v="B10104P"/>
    <s v=" "/>
    <s v="REC"/>
    <s v="KYPCO KY 2023 OWNED-KY110"/>
  </r>
  <r>
    <x v="1"/>
    <x v="35"/>
    <x v="4"/>
    <n v="3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4-03-11.39.08.795545"/>
    <n v="7"/>
    <s v="ONB"/>
    <s v="B10104P"/>
    <s v=" "/>
    <s v="REC"/>
    <s v="KYPCO KY 2023 OWNED-KY117"/>
  </r>
  <r>
    <x v="2"/>
    <x v="35"/>
    <x v="4"/>
    <n v="3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4-03-11.39.10.871879"/>
    <n v="11"/>
    <s v="ONB"/>
    <s v="B10104P"/>
    <s v=" "/>
    <s v="REC"/>
    <s v="KYPCO KY 2023 OWNED-KY180"/>
  </r>
  <r>
    <x v="0"/>
    <x v="36"/>
    <x v="4"/>
    <n v="4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4-29-14.37.09.832484"/>
    <n v="3"/>
    <s v="ONB"/>
    <s v="B10104P"/>
    <s v=" "/>
    <s v="REC"/>
    <s v="KYPCO KY 2023 OWNED-KY110"/>
  </r>
  <r>
    <x v="1"/>
    <x v="36"/>
    <x v="4"/>
    <n v="4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4-29-14.37.12.946660"/>
    <n v="7"/>
    <s v="ONB"/>
    <s v="B10104P"/>
    <s v=" "/>
    <s v="REC"/>
    <s v="KYPCO KY 2023 OWNED-KY117"/>
  </r>
  <r>
    <x v="2"/>
    <x v="36"/>
    <x v="4"/>
    <n v="4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4-29-14.37.14.920750"/>
    <n v="11"/>
    <s v="ONB"/>
    <s v="B10104P"/>
    <s v=" "/>
    <s v="REC"/>
    <s v="KYPCO KY 2023 OWNED-KY180"/>
  </r>
  <r>
    <x v="0"/>
    <x v="37"/>
    <x v="16"/>
    <n v="1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2-01-15.18.07.418231"/>
    <n v="1"/>
    <s v="ONB"/>
    <s v="S294989"/>
    <s v=" "/>
    <s v="REC"/>
    <s v="KYPCO KY 2022 LRE-KY110"/>
  </r>
  <r>
    <x v="0"/>
    <x v="38"/>
    <x v="18"/>
    <n v="2"/>
    <n v="2023"/>
    <x v="4"/>
    <s v="Real Prop Tax-Cap Leases"/>
    <s v="KYPCO KY 2022 LRE OUA"/>
    <s v="KY"/>
    <s v="12139"/>
    <n v="9"/>
    <s v=" "/>
    <s v=" "/>
    <s v="FINAN"/>
    <s v="G0000110"/>
    <s v="910"/>
    <s v="V"/>
    <s v="FANANDA"/>
    <s v="655"/>
    <s v=" "/>
    <s v="P"/>
    <s v="2023-03-03-23.28.12.147829"/>
    <n v="1"/>
    <s v="ONB"/>
    <s v="B10104P"/>
    <s v=" "/>
    <s v="NONREC"/>
    <s v="KYPCO KY 2022 LRE-KY110"/>
  </r>
  <r>
    <x v="0"/>
    <x v="5"/>
    <x v="16"/>
    <n v="2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3-01-07.08.13.311611"/>
    <n v="1"/>
    <s v="ONB"/>
    <s v="S294989"/>
    <s v=" "/>
    <s v="REC"/>
    <s v="KYPCO KY 2022 LRE-KY110"/>
  </r>
  <r>
    <x v="0"/>
    <x v="9"/>
    <x v="16"/>
    <n v="3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3-31-07.33.33.065861"/>
    <n v="1"/>
    <s v="ONB"/>
    <s v="S294989"/>
    <s v=" "/>
    <s v="REC"/>
    <s v="KYPCO KY 2022 LRE-KY110"/>
  </r>
  <r>
    <x v="0"/>
    <x v="11"/>
    <x v="16"/>
    <n v="4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4-29-13.47.46.378604"/>
    <n v="1"/>
    <s v="ONB"/>
    <s v="S294989"/>
    <s v=" "/>
    <s v="REC"/>
    <s v="KYPCO KY 2022 LRE-KY110"/>
  </r>
  <r>
    <x v="0"/>
    <x v="13"/>
    <x v="16"/>
    <n v="5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5-27-13.30.47.444288"/>
    <n v="1"/>
    <s v="ONB"/>
    <s v="B10104P"/>
    <s v=" "/>
    <s v="REC"/>
    <s v="KYPCO KY 2022 LRE-KY110"/>
  </r>
  <r>
    <x v="0"/>
    <x v="26"/>
    <x v="16"/>
    <n v="6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7-07-10.04.15.838529"/>
    <n v="1"/>
    <s v="UPL"/>
    <s v="S131108"/>
    <s v=" "/>
    <s v="REC"/>
    <s v="KYPCO KY 2022 LRE-KY110"/>
  </r>
  <r>
    <x v="0"/>
    <x v="27"/>
    <x v="16"/>
    <n v="7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08-01-14.02.46.530215"/>
    <n v="1"/>
    <s v="ONB"/>
    <s v="B10104P"/>
    <s v=" "/>
    <s v="REC"/>
    <s v="KYPCO KY 2022 LRE-KY110"/>
  </r>
  <r>
    <x v="0"/>
    <x v="29"/>
    <x v="16"/>
    <n v="8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08-31-08.55.16.185807"/>
    <n v="1"/>
    <s v="ONB"/>
    <s v="B10104P"/>
    <s v=" "/>
    <s v="REC"/>
    <s v="KYPCO KY 2022 LRE-KY110"/>
  </r>
  <r>
    <x v="0"/>
    <x v="30"/>
    <x v="16"/>
    <n v="9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09-30-12.12.51.406998"/>
    <n v="1"/>
    <s v="ONB"/>
    <s v="B10104P"/>
    <s v=" "/>
    <s v="REC"/>
    <s v="KYPCO KY 2022 LRE-KY110"/>
  </r>
  <r>
    <x v="0"/>
    <x v="31"/>
    <x v="16"/>
    <n v="10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10-31-14.56.21.754423"/>
    <n v="1"/>
    <s v="ONB"/>
    <s v="B10104P"/>
    <s v=" "/>
    <s v="REC"/>
    <s v="KYPCO KY 2022 LRE-KY110"/>
  </r>
  <r>
    <x v="0"/>
    <x v="32"/>
    <x v="16"/>
    <n v="11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11-30-13.28.04.902533"/>
    <n v="1"/>
    <s v="ONB"/>
    <s v="B10104P"/>
    <s v=" "/>
    <s v="REC"/>
    <s v="KYPCO KY 2022 LRE-KY110"/>
  </r>
  <r>
    <x v="0"/>
    <x v="33"/>
    <x v="16"/>
    <n v="12"/>
    <n v="2022"/>
    <x v="4"/>
    <s v="Real Prop Tax-Cap Leases"/>
    <s v="KY NORMAL MONTHLY ACCRUALS"/>
    <s v="KY"/>
    <s v="12139"/>
    <n v="1137"/>
    <s v=" "/>
    <s v=" "/>
    <s v="FINAN"/>
    <s v="G0000110"/>
    <s v="910"/>
    <s v="V"/>
    <s v="FANANDA"/>
    <s v="655"/>
    <s v=" "/>
    <s v="P"/>
    <s v="2022-12-27-11.30.53.926728"/>
    <n v="1"/>
    <s v="ONB"/>
    <s v="B10104P"/>
    <s v=" "/>
    <s v="REC"/>
    <s v="KYPCO KY 2022 LRE-KY110"/>
  </r>
  <r>
    <x v="0"/>
    <x v="24"/>
    <x v="4"/>
    <n v="1"/>
    <n v="2022"/>
    <x v="5"/>
    <s v="Real Personal Property Taxes"/>
    <s v="NORMAL MONTHLY AMORTIZATIONS"/>
    <s v="KY"/>
    <s v="12139"/>
    <n v="814529"/>
    <s v=" "/>
    <s v=" "/>
    <s v="FINAN"/>
    <s v="G0000110"/>
    <s v="999"/>
    <s v="V"/>
    <s v="FANANDA"/>
    <s v="655"/>
    <s v=" "/>
    <s v="P"/>
    <s v="2022-02-01-16.05.50.412647"/>
    <n v="3"/>
    <s v="ONB"/>
    <s v="S294989"/>
    <s v=" "/>
    <s v="REC"/>
    <s v="KYPCO KY 2022 OWNED-KY110"/>
  </r>
  <r>
    <x v="0"/>
    <x v="39"/>
    <x v="4"/>
    <n v="1"/>
    <n v="2022"/>
    <x v="5"/>
    <s v="Real Personal Property Taxes"/>
    <s v="NORMAL MONTHLY AMORTIZATIONS"/>
    <s v="KY"/>
    <s v="12139"/>
    <n v="12607"/>
    <s v=" "/>
    <s v=" "/>
    <s v="FINAN"/>
    <s v="G0000110"/>
    <s v="999"/>
    <s v="V"/>
    <s v="FANANDA"/>
    <s v="655"/>
    <s v=" "/>
    <s v="P"/>
    <s v="2022-02-03-16.34.19.164488"/>
    <n v="1"/>
    <s v="UPL"/>
    <s v="S337959"/>
    <s v=" "/>
    <s v="REC"/>
    <s v="KYPCO KY 2022 OWNED-KY110"/>
  </r>
  <r>
    <x v="1"/>
    <x v="39"/>
    <x v="4"/>
    <n v="1"/>
    <n v="2022"/>
    <x v="5"/>
    <s v="Real Personal Property Taxes"/>
    <s v="NORMAL MONTHLY AMORTIZATIONS"/>
    <s v="KY"/>
    <s v="12139"/>
    <n v="1886"/>
    <s v=" "/>
    <s v=" "/>
    <s v="FINAN"/>
    <s v="G0001096"/>
    <s v="999"/>
    <s v="V"/>
    <s v="FANANDA"/>
    <s v="655"/>
    <s v=" "/>
    <s v="P"/>
    <s v="2022-02-03-16.34.19.586927"/>
    <n v="3"/>
    <s v="UPL"/>
    <s v="S337959"/>
    <s v=" "/>
    <s v="REC"/>
    <s v="KYPCO KY 2022 OWNED-KY117"/>
  </r>
  <r>
    <x v="1"/>
    <x v="25"/>
    <x v="2"/>
    <n v="1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2-02-14.36.47.635661"/>
    <n v="3"/>
    <s v="UPL"/>
    <s v="S346957"/>
    <s v=" "/>
    <s v="REC"/>
    <s v="KYPCO WV 2022 OWNED WV117"/>
  </r>
  <r>
    <x v="1"/>
    <x v="24"/>
    <x v="4"/>
    <n v="1"/>
    <n v="2022"/>
    <x v="5"/>
    <s v="Real Personal Property Taxes"/>
    <s v="NORMAL MONTHLY AMORTIZATIONS"/>
    <s v="KY"/>
    <s v="12139"/>
    <n v="28742"/>
    <s v=" "/>
    <s v=" "/>
    <s v="FINAN"/>
    <s v="G0001096"/>
    <s v="999"/>
    <s v="V"/>
    <s v="FANANDA"/>
    <s v="655"/>
    <s v=" "/>
    <s v="P"/>
    <s v="2022-02-01-16.05.51.024597"/>
    <n v="8"/>
    <s v="ONB"/>
    <s v="S294989"/>
    <s v=" "/>
    <s v="REC"/>
    <s v="KYPCO KY 2022 OWNED-KY117"/>
  </r>
  <r>
    <x v="1"/>
    <x v="25"/>
    <x v="19"/>
    <n v="1"/>
    <n v="2023"/>
    <x v="5"/>
    <s v="Real Personal Property Taxes"/>
    <s v="Mitchell Joint Facility"/>
    <s v="WV"/>
    <s v="13403"/>
    <n v="126113"/>
    <s v=" "/>
    <s v=" "/>
    <s v="FINAN"/>
    <s v="G0001267"/>
    <s v="971"/>
    <s v="V"/>
    <s v="FANANDA"/>
    <s v="655"/>
    <s v=" "/>
    <s v="P"/>
    <s v="2023-02-03-12.18.32.653112"/>
    <n v="11"/>
    <s v="GLA"/>
    <s v="GLBATCH"/>
    <s v=" "/>
    <s v=" "/>
    <s v="Mitchell Joint Facility"/>
  </r>
  <r>
    <x v="2"/>
    <x v="39"/>
    <x v="4"/>
    <n v="1"/>
    <n v="2022"/>
    <x v="5"/>
    <s v="Real Personal Property Taxes"/>
    <s v="NORMAL MONTHLY AMORTIZATIONS"/>
    <s v="KY"/>
    <s v="12139"/>
    <n v="-24956"/>
    <s v=" "/>
    <s v=" "/>
    <s v="FINAN"/>
    <s v="G0000180"/>
    <s v="999"/>
    <s v="V"/>
    <s v="FANANDA"/>
    <s v="655"/>
    <s v=" "/>
    <s v="P"/>
    <s v="2022-02-03-16.34.21.288304"/>
    <n v="11"/>
    <s v="UPL"/>
    <s v="S337959"/>
    <s v=" "/>
    <s v="REC"/>
    <s v="KYPCO KY 2022 OWNED-KY180"/>
  </r>
  <r>
    <x v="2"/>
    <x v="24"/>
    <x v="4"/>
    <n v="1"/>
    <n v="2022"/>
    <x v="5"/>
    <s v="Real Personal Property Taxes"/>
    <s v="NORMAL MONTHLY AMORTIZATIONS"/>
    <s v="KY"/>
    <s v="12139"/>
    <n v="443801"/>
    <s v=" "/>
    <s v=" "/>
    <s v="FINAN"/>
    <s v="G0000180"/>
    <s v="999"/>
    <s v="V"/>
    <s v="FANANDA"/>
    <s v="655"/>
    <s v=" "/>
    <s v="P"/>
    <s v="2022-02-01-16.05.53.178276"/>
    <n v="45"/>
    <s v="ONB"/>
    <s v="S294989"/>
    <s v=" "/>
    <s v="REC"/>
    <s v="KYPCO KY 2022 OWNED-KY180"/>
  </r>
  <r>
    <x v="0"/>
    <x v="5"/>
    <x v="4"/>
    <n v="2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3-01-07.56.03.300880"/>
    <n v="3"/>
    <s v="ONB"/>
    <s v="S294989"/>
    <s v=" "/>
    <s v="REC"/>
    <s v="KYPCO KY 2022 OWNED-KY110"/>
  </r>
  <r>
    <x v="0"/>
    <x v="40"/>
    <x v="17"/>
    <n v="2"/>
    <n v="2023"/>
    <x v="5"/>
    <s v="Real Personal Property Taxes"/>
    <s v="Clear Balance in WV account"/>
    <s v="WV"/>
    <s v="12139"/>
    <n v="0.01"/>
    <s v=" "/>
    <s v=" "/>
    <s v="FINAN"/>
    <s v="G0000110"/>
    <s v="999"/>
    <s v="V"/>
    <s v="FANANDA"/>
    <s v="655"/>
    <s v=" "/>
    <s v="P"/>
    <s v="2023-03-03-22.36.49.317499"/>
    <n v="1"/>
    <s v="UPL"/>
    <s v="S295327"/>
    <s v=" "/>
    <s v="NONREC"/>
    <s v="ACCRUE FOR PENNY BALANCE"/>
  </r>
  <r>
    <x v="1"/>
    <x v="41"/>
    <x v="2"/>
    <n v="2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2-22-15.20.56.990133"/>
    <n v="3"/>
    <s v="ONB"/>
    <s v="B10104P"/>
    <s v=" "/>
    <s v="REC"/>
    <s v="KYPCO WV 2022 OWNED-WV117"/>
  </r>
  <r>
    <x v="1"/>
    <x v="5"/>
    <x v="4"/>
    <n v="2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3-01-07.56.04.038980"/>
    <n v="8"/>
    <s v="ONB"/>
    <s v="S294989"/>
    <s v=" "/>
    <s v="REC"/>
    <s v="KYPCO KY 2022 OWNED-KY117"/>
  </r>
  <r>
    <x v="1"/>
    <x v="40"/>
    <x v="17"/>
    <n v="2"/>
    <n v="2023"/>
    <x v="5"/>
    <s v="Real Personal Property Taxes"/>
    <s v="Clear Balance in WV account"/>
    <s v="WV"/>
    <s v="12139"/>
    <n v="-0.02"/>
    <s v=" "/>
    <s v=" "/>
    <s v="FINAN"/>
    <s v="G0000117"/>
    <s v="999"/>
    <s v="V"/>
    <s v="FANANDA"/>
    <s v="655"/>
    <s v=" "/>
    <s v="P"/>
    <s v="2023-03-03-22.36.51.079657"/>
    <n v="3"/>
    <s v="UPL"/>
    <s v="S295327"/>
    <s v=" "/>
    <s v="NONREC"/>
    <s v="ACCRUE FOR PENNY BALANCE"/>
  </r>
  <r>
    <x v="1"/>
    <x v="41"/>
    <x v="20"/>
    <n v="2"/>
    <n v="2023"/>
    <x v="5"/>
    <s v="Real Personal Property Taxes"/>
    <s v="Mitchell Joint Facility"/>
    <s v="WV"/>
    <s v="13403"/>
    <n v="243544"/>
    <s v=" "/>
    <s v=" "/>
    <s v="FINAN"/>
    <s v="G0001267"/>
    <s v="971"/>
    <s v="V"/>
    <s v="FANANDA"/>
    <s v="655"/>
    <s v=" "/>
    <s v="P"/>
    <s v="2023-03-03-12.05.01.080687"/>
    <n v="16"/>
    <s v="GLA"/>
    <s v="GLBATCH"/>
    <s v=" "/>
    <s v=" "/>
    <s v="Mitchell Joint Facility"/>
  </r>
  <r>
    <x v="1"/>
    <x v="41"/>
    <x v="21"/>
    <n v="2"/>
    <n v="2023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3-02-04.48.14.531536"/>
    <n v="104"/>
    <s v="PRA"/>
    <s v="GLBATCH"/>
    <s v=" "/>
    <s v=" "/>
    <s v="Intercompany Billing"/>
  </r>
  <r>
    <x v="2"/>
    <x v="5"/>
    <x v="4"/>
    <n v="2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3-01-07.56.07.369083"/>
    <n v="45"/>
    <s v="ONB"/>
    <s v="S294989"/>
    <s v=" "/>
    <s v="REC"/>
    <s v="KYPCO KY 2022 OWNED-KY180"/>
  </r>
  <r>
    <x v="0"/>
    <x v="9"/>
    <x v="4"/>
    <n v="3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3-31-07.37.02.434748"/>
    <n v="3"/>
    <s v="ONB"/>
    <s v="S294989"/>
    <s v=" "/>
    <s v="REC"/>
    <s v="KYPCO KY 2022 OWNED-KY110"/>
  </r>
  <r>
    <x v="1"/>
    <x v="42"/>
    <x v="2"/>
    <n v="3"/>
    <n v="2023"/>
    <x v="5"/>
    <s v="Real Personal Property Taxes"/>
    <s v="CORRECT JAN EXPENSE FOR MITCHE"/>
    <s v="WV"/>
    <s v="12139"/>
    <n v="-117431.02"/>
    <s v=" "/>
    <s v=" "/>
    <s v="FINAN"/>
    <s v="G0001267"/>
    <s v="971"/>
    <s v="V"/>
    <s v="FANANDA"/>
    <s v="655"/>
    <s v=" "/>
    <s v="P"/>
    <s v="2023-04-04-09.09.01.376759"/>
    <n v="1"/>
    <s v="ONB"/>
    <s v="B10104P"/>
    <s v=" "/>
    <s v="NONREC"/>
    <s v="CORRECT JAN EXPENSE"/>
  </r>
  <r>
    <x v="1"/>
    <x v="9"/>
    <x v="4"/>
    <n v="3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3-31-07.37.02.912067"/>
    <n v="8"/>
    <s v="ONB"/>
    <s v="S294989"/>
    <s v=" "/>
    <s v="REC"/>
    <s v="KYPCO KY 2022 OWNED-KY117"/>
  </r>
  <r>
    <x v="1"/>
    <x v="35"/>
    <x v="22"/>
    <n v="3"/>
    <n v="2023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4-04-03.20.37.440818"/>
    <n v="107"/>
    <s v="PRA"/>
    <s v="GLBATCH"/>
    <s v=" "/>
    <s v=" "/>
    <s v="Intercompany Billing"/>
  </r>
  <r>
    <x v="1"/>
    <x v="35"/>
    <x v="2"/>
    <n v="3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4-03-11.51.07.276016"/>
    <n v="3"/>
    <s v="ONB"/>
    <s v="B10104P"/>
    <s v=" "/>
    <s v="REC"/>
    <s v="KYPCO WV 2022 OWNED-WV117"/>
  </r>
  <r>
    <x v="1"/>
    <x v="35"/>
    <x v="23"/>
    <n v="3"/>
    <n v="2023"/>
    <x v="5"/>
    <s v="Real Personal Property Taxes"/>
    <s v="Mitchell Joint Facility"/>
    <s v="WV"/>
    <s v="13403"/>
    <n v="302259.51"/>
    <s v=" "/>
    <s v=" "/>
    <s v="FINAN"/>
    <s v="G0001267"/>
    <s v="971"/>
    <s v="V"/>
    <s v="FANANDA"/>
    <s v="655"/>
    <s v=" "/>
    <s v="P"/>
    <s v="2023-04-05-12.25.34.729799"/>
    <n v="16"/>
    <s v="GLA"/>
    <s v="GLBATCH"/>
    <s v=" "/>
    <s v=" "/>
    <s v="Mitchell Joint Facility"/>
  </r>
  <r>
    <x v="2"/>
    <x v="9"/>
    <x v="4"/>
    <n v="3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3-31-07.37.05.498845"/>
    <n v="45"/>
    <s v="ONB"/>
    <s v="S294989"/>
    <s v=" "/>
    <s v="REC"/>
    <s v="KYPCO KY 2022 OWNED-KY180"/>
  </r>
  <r>
    <x v="0"/>
    <x v="11"/>
    <x v="4"/>
    <n v="4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4-29-14.54.42.746782"/>
    <n v="3"/>
    <s v="ONB"/>
    <s v="S294989"/>
    <s v=" "/>
    <s v="REC"/>
    <s v="KYPCO KY 2022 OWNED-KY110"/>
  </r>
  <r>
    <x v="1"/>
    <x v="36"/>
    <x v="2"/>
    <n v="4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4-29-14.11.41.728063"/>
    <n v="3"/>
    <s v="ONB"/>
    <s v="B10104P"/>
    <s v=" "/>
    <s v="REC"/>
    <s v="KYPCO WV 2022 OWNED-WV117"/>
  </r>
  <r>
    <x v="1"/>
    <x v="36"/>
    <x v="24"/>
    <n v="4"/>
    <n v="2023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5-02-01.19.46.841340"/>
    <n v="94"/>
    <s v="PRA"/>
    <s v="GLBATCH"/>
    <s v=" "/>
    <s v=" "/>
    <s v="Intercompany Billing"/>
  </r>
  <r>
    <x v="1"/>
    <x v="36"/>
    <x v="25"/>
    <n v="4"/>
    <n v="2023"/>
    <x v="5"/>
    <s v="Real Personal Property Taxes"/>
    <s v="Mitchell Joint Facility"/>
    <s v="WV"/>
    <s v="13403"/>
    <n v="243544"/>
    <s v=" "/>
    <s v=" "/>
    <s v="FINAN"/>
    <s v="G0001267"/>
    <s v="971"/>
    <s v="V"/>
    <s v="FANANDA"/>
    <s v="655"/>
    <s v=" "/>
    <s v="P"/>
    <s v="2023-05-03-12.30.25.908003"/>
    <n v="19"/>
    <s v="GLA"/>
    <s v="GLBATCH"/>
    <s v=" "/>
    <s v=" "/>
    <s v="Mitchell Joint Facility"/>
  </r>
  <r>
    <x v="1"/>
    <x v="11"/>
    <x v="4"/>
    <n v="4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4-29-14.54.43.492805"/>
    <n v="8"/>
    <s v="ONB"/>
    <s v="S294989"/>
    <s v=" "/>
    <s v="REC"/>
    <s v="KYPCO KY 2022 OWNED-KY117"/>
  </r>
  <r>
    <x v="2"/>
    <x v="11"/>
    <x v="4"/>
    <n v="4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4-29-14.54.45.977512"/>
    <n v="45"/>
    <s v="ONB"/>
    <s v="S294989"/>
    <s v=" "/>
    <s v="REC"/>
    <s v="KYPCO KY 2022 OWNED-KY180"/>
  </r>
  <r>
    <x v="0"/>
    <x v="13"/>
    <x v="4"/>
    <n v="5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5-27-13.47.02.406802"/>
    <n v="3"/>
    <s v="ONB"/>
    <s v="B10104P"/>
    <s v=" "/>
    <s v="REC"/>
    <s v="KYPCO KY 2022 OWNED-KY110"/>
  </r>
  <r>
    <x v="1"/>
    <x v="13"/>
    <x v="4"/>
    <n v="5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5-27-13.47.02.912068"/>
    <n v="8"/>
    <s v="ONB"/>
    <s v="B10104P"/>
    <s v=" "/>
    <s v="REC"/>
    <s v="KYPCO KY 2022 OWNED-KY117"/>
  </r>
  <r>
    <x v="2"/>
    <x v="13"/>
    <x v="4"/>
    <n v="5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5-27-13.47.05.283319"/>
    <n v="45"/>
    <s v="ONB"/>
    <s v="B10104P"/>
    <s v=" "/>
    <s v="REC"/>
    <s v="KYPCO KY 2022 OWNED-KY180"/>
  </r>
  <r>
    <x v="0"/>
    <x v="26"/>
    <x v="4"/>
    <n v="6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6-22-01.03.53.724071"/>
    <n v="3"/>
    <s v="UPL"/>
    <s v="S337959"/>
    <s v=" "/>
    <s v="REC"/>
    <s v="KYPCO KY 2022 OWNED-KY110"/>
  </r>
  <r>
    <x v="1"/>
    <x v="26"/>
    <x v="4"/>
    <n v="6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6-22-01.04.11.207153"/>
    <n v="8"/>
    <s v="UPL"/>
    <s v="S337959"/>
    <s v=" "/>
    <s v="REC"/>
    <s v="KYPCO KY 2022 OWNED-KY117"/>
  </r>
  <r>
    <x v="2"/>
    <x v="26"/>
    <x v="4"/>
    <n v="6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6-22-01.05.27.632061"/>
    <n v="12"/>
    <s v="UPL"/>
    <s v="S337959"/>
    <s v=" "/>
    <s v="REC"/>
    <s v="KYPCO KY 2022 OWNED-KY180"/>
  </r>
  <r>
    <x v="0"/>
    <x v="27"/>
    <x v="2"/>
    <n v="7"/>
    <n v="2022"/>
    <x v="5"/>
    <s v="Real Personal Property Taxes"/>
    <s v="NORMAL MONTHLY AMORTIZATIONS"/>
    <s v="WV"/>
    <s v="12139"/>
    <n v="952.55"/>
    <s v=" "/>
    <s v=" "/>
    <s v="FINAN"/>
    <s v="G0000110"/>
    <s v="999"/>
    <s v="V"/>
    <s v="FANANDA"/>
    <s v="655"/>
    <s v=" "/>
    <s v="P"/>
    <s v="2022-07-30-12.10.21.410142"/>
    <n v="1"/>
    <s v="ONB"/>
    <s v="B10104P"/>
    <s v=" "/>
    <s v="REC"/>
    <s v="KYPCO WV 2022 OWNED-WV110"/>
  </r>
  <r>
    <x v="0"/>
    <x v="27"/>
    <x v="4"/>
    <n v="7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8-01-14.04.59.243723"/>
    <n v="3"/>
    <s v="ONB"/>
    <s v="B10104P"/>
    <s v=" "/>
    <s v="REC"/>
    <s v="KYPCO KY 2022 OWNED-KY110"/>
  </r>
  <r>
    <x v="1"/>
    <x v="27"/>
    <x v="2"/>
    <n v="7"/>
    <n v="2022"/>
    <x v="5"/>
    <s v="Real Personal Property Taxes"/>
    <s v="NORMAL MONTHLY AMORTIZATIONS"/>
    <s v="WV"/>
    <s v="12139"/>
    <n v="230967"/>
    <s v=" "/>
    <s v=" "/>
    <s v="FINAN"/>
    <s v="G0001267"/>
    <s v="971"/>
    <s v="V"/>
    <s v="FANANDA"/>
    <s v="655"/>
    <s v=" "/>
    <s v="P"/>
    <s v="2022-07-30-12.10.22.293837"/>
    <n v="5"/>
    <s v="ONB"/>
    <s v="B10104P"/>
    <s v=" "/>
    <s v="REC"/>
    <s v="KYPCO WV 2022 OWNED-WV117"/>
  </r>
  <r>
    <x v="1"/>
    <x v="27"/>
    <x v="4"/>
    <n v="7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8-01-14.05.01.031866"/>
    <n v="8"/>
    <s v="ONB"/>
    <s v="B10104P"/>
    <s v=" "/>
    <s v="REC"/>
    <s v="KYPCO KY 2022 OWNED-KY117"/>
  </r>
  <r>
    <x v="1"/>
    <x v="27"/>
    <x v="26"/>
    <n v="7"/>
    <n v="2022"/>
    <x v="5"/>
    <s v="Real Personal Property Taxes"/>
    <s v="Intercompany Billing"/>
    <s v="WV"/>
    <s v="99920"/>
    <n v="249271"/>
    <s v=" "/>
    <s v=" "/>
    <s v="FINAN"/>
    <s v="G0001267"/>
    <s v="971"/>
    <s v="V"/>
    <s v="FANANDA"/>
    <s v="655"/>
    <s v=" "/>
    <s v="P"/>
    <s v="2022-08-02-00.21.35.340295"/>
    <n v="157"/>
    <s v="PRA"/>
    <s v="GLBATCH"/>
    <s v=" "/>
    <s v=" "/>
    <s v="Intercompany Billing"/>
  </r>
  <r>
    <x v="1"/>
    <x v="43"/>
    <x v="17"/>
    <n v="7"/>
    <n v="2021"/>
    <x v="5"/>
    <s v="Real Personal Property Taxes"/>
    <s v="ANNUAL ACCRUAL SET-UP - TO DIR"/>
    <s v="WV"/>
    <s v="12139"/>
    <n v="6600"/>
    <s v=" "/>
    <s v=" "/>
    <s v="FINAN"/>
    <s v="G0000117"/>
    <s v="920"/>
    <s v="V"/>
    <s v="FANANDA"/>
    <s v="655"/>
    <s v=" "/>
    <s v="P"/>
    <s v="2021-07-28-13.59.04.028214"/>
    <n v="1"/>
    <s v="ONB"/>
    <s v="S294989"/>
    <s v=" "/>
    <s v="REC"/>
    <s v="KYPCO WV 2022 LPP-WV117"/>
  </r>
  <r>
    <x v="1"/>
    <x v="27"/>
    <x v="27"/>
    <n v="7"/>
    <n v="2022"/>
    <x v="5"/>
    <s v="Real Personal Property Taxes"/>
    <s v="Mitchell Joint Facility"/>
    <s v="WV"/>
    <s v="13403"/>
    <n v="-240119"/>
    <s v=" "/>
    <s v=" "/>
    <s v="FINAN"/>
    <s v="G0001267"/>
    <s v="971"/>
    <s v="V"/>
    <s v="FANANDA"/>
    <s v="655"/>
    <s v=" "/>
    <s v="P"/>
    <s v="2022-08-03-14.02.36.069594"/>
    <n v="184"/>
    <s v="GLA"/>
    <s v="GLBATCH"/>
    <s v=" "/>
    <s v=" "/>
    <s v="Mitchell Joint Facility"/>
  </r>
  <r>
    <x v="2"/>
    <x v="27"/>
    <x v="4"/>
    <n v="7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8-01-14.05.01.988096"/>
    <n v="12"/>
    <s v="ONB"/>
    <s v="B10104P"/>
    <s v=" "/>
    <s v="REC"/>
    <s v="KYPCO KY 2022 OWNED-KY180"/>
  </r>
  <r>
    <x v="0"/>
    <x v="29"/>
    <x v="4"/>
    <n v="8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8-31-08.59.40.434283"/>
    <n v="3"/>
    <s v="ONB"/>
    <s v="B10104P"/>
    <s v=" "/>
    <s v="REC"/>
    <s v="KYPCO KY 2022 OWNED-KY110"/>
  </r>
  <r>
    <x v="1"/>
    <x v="29"/>
    <x v="4"/>
    <n v="8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8-31-08.59.40.950288"/>
    <n v="8"/>
    <s v="ONB"/>
    <s v="B10104P"/>
    <s v=" "/>
    <s v="REC"/>
    <s v="KYPCO KY 2022 OWNED-KY117"/>
  </r>
  <r>
    <x v="1"/>
    <x v="29"/>
    <x v="2"/>
    <n v="8"/>
    <n v="2022"/>
    <x v="5"/>
    <s v="Real Personal Property Taxes"/>
    <s v="NORMAL MONTHLY AMORTIZATIONS"/>
    <s v="WV"/>
    <s v="12139"/>
    <n v="230967"/>
    <s v=" "/>
    <s v=" "/>
    <s v="FINAN"/>
    <s v="G0001267"/>
    <s v="971"/>
    <s v="V"/>
    <s v="FANANDA"/>
    <s v="655"/>
    <s v=" "/>
    <s v="P"/>
    <s v="2022-08-31-08.46.48.565184"/>
    <n v="3"/>
    <s v="ONB"/>
    <s v="B10104P"/>
    <s v=" "/>
    <s v="REC"/>
    <s v="KYPCO WV 2022 OWNED-WV117"/>
  </r>
  <r>
    <x v="1"/>
    <x v="29"/>
    <x v="28"/>
    <n v="8"/>
    <n v="2022"/>
    <x v="5"/>
    <s v="Real Personal Property Taxes"/>
    <s v="Intercompany Billing"/>
    <s v="WV"/>
    <s v="99920"/>
    <n v="249271"/>
    <s v=" "/>
    <s v=" "/>
    <s v="FINAN"/>
    <s v="G0001267"/>
    <s v="971"/>
    <s v="V"/>
    <s v="FANANDA"/>
    <s v="655"/>
    <s v=" "/>
    <s v="P"/>
    <s v="2022-09-02-00.02.26.180795"/>
    <n v="131"/>
    <s v="PRA"/>
    <s v="GLBATCH"/>
    <s v=" "/>
    <s v=" "/>
    <s v="Intercompany Billing"/>
  </r>
  <r>
    <x v="1"/>
    <x v="44"/>
    <x v="17"/>
    <n v="8"/>
    <n v="2021"/>
    <x v="5"/>
    <s v="Real Personal Property Taxes"/>
    <s v="KYPCO WV LSD PP - REVERSE AND"/>
    <s v="WV"/>
    <s v="12139"/>
    <n v="-6600"/>
    <s v=" "/>
    <s v=" "/>
    <s v="FINAN"/>
    <s v="G0000117"/>
    <s v="920"/>
    <s v="V"/>
    <s v="FANANDA"/>
    <s v="655"/>
    <s v=" "/>
    <s v="P"/>
    <s v="2021-08-30-12.56.00.443690"/>
    <n v="3"/>
    <s v="ONB"/>
    <s v="S294989"/>
    <s v=" "/>
    <s v="NONREC"/>
    <s v="REVERSE ENTRY"/>
  </r>
  <r>
    <x v="1"/>
    <x v="29"/>
    <x v="29"/>
    <n v="8"/>
    <n v="2022"/>
    <x v="5"/>
    <s v="Real Personal Property Taxes"/>
    <s v="Mitchell Joint Facility"/>
    <s v="WV"/>
    <s v="13403"/>
    <n v="-240119"/>
    <s v=" "/>
    <s v=" "/>
    <s v="FINAN"/>
    <s v="G0001267"/>
    <s v="971"/>
    <s v="V"/>
    <s v="FANANDA"/>
    <s v="655"/>
    <s v=" "/>
    <s v="P"/>
    <s v="2022-09-06-12.05.59.533970"/>
    <n v="13"/>
    <s v="GLA"/>
    <s v="GLBATCH"/>
    <s v=" "/>
    <s v=" "/>
    <s v="Mitchell Joint Facility"/>
  </r>
  <r>
    <x v="2"/>
    <x v="29"/>
    <x v="4"/>
    <n v="8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8-31-08.59.41.377594"/>
    <n v="12"/>
    <s v="ONB"/>
    <s v="B10104P"/>
    <s v=" "/>
    <s v="REC"/>
    <s v="KYPCO KY 2022 OWNED-KY180"/>
  </r>
  <r>
    <x v="0"/>
    <x v="30"/>
    <x v="4"/>
    <n v="9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9-30-12.35.45.358440"/>
    <n v="3"/>
    <s v="ONB"/>
    <s v="B10104P"/>
    <s v=" "/>
    <s v="REC"/>
    <s v="KYPCO KY 2022 OWNED-KY110"/>
  </r>
  <r>
    <x v="0"/>
    <x v="45"/>
    <x v="30"/>
    <n v="9"/>
    <n v="2022"/>
    <x v="5"/>
    <s v="Real Personal Property Taxes"/>
    <s v="WV - OUA ENTRIES TY '22 FOR RA"/>
    <s v="WV"/>
    <s v="12139"/>
    <n v="23.38"/>
    <s v=" "/>
    <s v=" "/>
    <s v="FINAN"/>
    <s v="G0000110"/>
    <s v="999"/>
    <s v="V"/>
    <s v="FANANDA"/>
    <s v="655"/>
    <s v=" "/>
    <s v="P"/>
    <s v="2022-10-01-07.19.33.794756"/>
    <n v="6"/>
    <s v="ONB"/>
    <s v="B10104P"/>
    <s v=" "/>
    <s v="NONREC"/>
    <s v="OUA NU WV TY22"/>
  </r>
  <r>
    <x v="1"/>
    <x v="30"/>
    <x v="4"/>
    <n v="9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9-30-12.35.45.918443"/>
    <n v="8"/>
    <s v="ONB"/>
    <s v="B10104P"/>
    <s v=" "/>
    <s v="REC"/>
    <s v="KYPCO KY 2022 OWNED-KY117"/>
  </r>
  <r>
    <x v="1"/>
    <x v="46"/>
    <x v="31"/>
    <n v="9"/>
    <n v="2022"/>
    <x v="5"/>
    <s v="Real Personal Property Taxes"/>
    <s v="TO BILL KPCO FOR MITCHELL ACTI"/>
    <s v="WV"/>
    <s v="13403"/>
    <n v="126113"/>
    <s v=" "/>
    <s v=" "/>
    <s v="FINAN"/>
    <s v="G0001267"/>
    <s v="971"/>
    <s v="V"/>
    <s v="FANANDA"/>
    <s v="997"/>
    <s v=" "/>
    <s v="P"/>
    <s v="2022-10-05-18.51.26.467332"/>
    <n v="3900"/>
    <s v="UPL"/>
    <s v="S007753"/>
    <s v=" "/>
    <s v="NONREC"/>
    <s v="RECORD KPCO SHARE OF MITCHELL"/>
  </r>
  <r>
    <x v="1"/>
    <x v="46"/>
    <x v="31"/>
    <n v="9"/>
    <n v="2022"/>
    <x v="5"/>
    <s v="Real Personal Property Taxes"/>
    <s v="TO BILL KPCO FOR MITCHELL ACTI"/>
    <s v="WV"/>
    <s v="13403"/>
    <n v="117431"/>
    <s v=" "/>
    <s v=" "/>
    <s v="FINAN"/>
    <s v="G0001267"/>
    <s v="971"/>
    <s v="V"/>
    <s v="FANANDA"/>
    <s v="997"/>
    <s v=" "/>
    <s v="P"/>
    <s v="2022-10-05-18.51.26.467332"/>
    <n v="3901"/>
    <s v="UPL"/>
    <s v="S007753"/>
    <s v=" "/>
    <s v="NONREC"/>
    <s v="RECORD KPCO SHARE OF MITCHELL"/>
  </r>
  <r>
    <x v="1"/>
    <x v="46"/>
    <x v="31"/>
    <n v="9"/>
    <n v="2022"/>
    <x v="5"/>
    <s v="Real Personal Property Taxes"/>
    <s v="TO BILL KPCO FOR MITCHELL ACTI"/>
    <s v="WV"/>
    <s v="13403"/>
    <n v="3895.44"/>
    <s v=" "/>
    <s v=" "/>
    <s v="FINAN"/>
    <s v="G0001267"/>
    <s v="999"/>
    <s v="V"/>
    <s v="FANANDA"/>
    <s v="997"/>
    <s v=" "/>
    <s v="P"/>
    <s v="2022-10-05-18.51.26.467332"/>
    <n v="3902"/>
    <s v="UPL"/>
    <s v="S007753"/>
    <s v=" "/>
    <s v="NONREC"/>
    <s v="RECORD KPCO SHARE OF MITCHELL"/>
  </r>
  <r>
    <x v="1"/>
    <x v="45"/>
    <x v="2"/>
    <n v="9"/>
    <n v="2022"/>
    <x v="5"/>
    <s v="Real Personal Property Taxes"/>
    <s v="KYPCO WV - UPDATE AMT AMOUNT B"/>
    <s v="WV"/>
    <s v="12139"/>
    <n v="7790.87"/>
    <s v=" "/>
    <s v=" "/>
    <s v="FINAN"/>
    <s v="G0001267"/>
    <s v="999"/>
    <s v="V"/>
    <s v="FANANDA"/>
    <s v="655"/>
    <s v=" "/>
    <s v="P"/>
    <s v="2022-10-01-07.16.10.127912"/>
    <n v="1"/>
    <s v="ONB"/>
    <s v="B10104P"/>
    <s v=" "/>
    <s v="NONREC"/>
    <s v="KYPCO WV 2022 OWNED WV117"/>
  </r>
  <r>
    <x v="1"/>
    <x v="30"/>
    <x v="2"/>
    <n v="9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0-01-03.38.37.282835"/>
    <n v="3"/>
    <s v="ONB"/>
    <s v="B10104P"/>
    <s v=" "/>
    <s v="REC"/>
    <s v="KYPCO WV 2022 OWNED-WV117"/>
  </r>
  <r>
    <x v="1"/>
    <x v="30"/>
    <x v="32"/>
    <n v="9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2-10-04-00.20.02.622750"/>
    <n v="129"/>
    <s v="PRA"/>
    <s v="GLBATCH"/>
    <s v=" "/>
    <s v=" "/>
    <s v="Intercompany Billing"/>
  </r>
  <r>
    <x v="1"/>
    <x v="30"/>
    <x v="32"/>
    <n v="9"/>
    <n v="2022"/>
    <x v="5"/>
    <s v="Real Personal Property Taxes"/>
    <s v="Intercompany Billing"/>
    <s v="WV"/>
    <s v="99910"/>
    <n v="-7790.87"/>
    <s v=" "/>
    <s v=" "/>
    <s v="FINAN"/>
    <s v="G0001267"/>
    <s v="999"/>
    <s v="V"/>
    <s v="FANANDA"/>
    <s v="655"/>
    <s v=" "/>
    <s v="P"/>
    <s v="2022-10-04-00.20.02.622750"/>
    <n v="130"/>
    <s v="PRA"/>
    <s v="GLBATCH"/>
    <s v=" "/>
    <s v=" "/>
    <s v="Intercompany Billing"/>
  </r>
  <r>
    <x v="2"/>
    <x v="30"/>
    <x v="4"/>
    <n v="9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9-30-12.35.46.340999"/>
    <n v="12"/>
    <s v="ONB"/>
    <s v="B10104P"/>
    <s v=" "/>
    <s v="REC"/>
    <s v="KYPCO KY 2022 OWNED-KY180"/>
  </r>
  <r>
    <x v="0"/>
    <x v="31"/>
    <x v="4"/>
    <n v="10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10-31-15.02.27.889898"/>
    <n v="3"/>
    <s v="ONB"/>
    <s v="B10104P"/>
    <s v=" "/>
    <s v="REC"/>
    <s v="KYPCO KY 2022 OWNED-KY110"/>
  </r>
  <r>
    <x v="1"/>
    <x v="31"/>
    <x v="33"/>
    <n v="10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2-11-02-00.52.26.274699"/>
    <n v="109"/>
    <s v="PRA"/>
    <s v="GLBATCH"/>
    <s v=" "/>
    <s v=" "/>
    <s v="Intercompany Billing"/>
  </r>
  <r>
    <x v="1"/>
    <x v="31"/>
    <x v="4"/>
    <n v="10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10-31-15.02.28.442755"/>
    <n v="8"/>
    <s v="ONB"/>
    <s v="B10104P"/>
    <s v=" "/>
    <s v="REC"/>
    <s v="KYPCO KY 2022 OWNED-KY117"/>
  </r>
  <r>
    <x v="1"/>
    <x v="47"/>
    <x v="31"/>
    <n v="10"/>
    <n v="2022"/>
    <x v="5"/>
    <s v="Real Personal Property Taxes"/>
    <s v="TO BILL KPCO FOR MITCHELL ACTI"/>
    <s v="WV"/>
    <s v="13403"/>
    <n v="126113"/>
    <s v="S052"/>
    <s v=" "/>
    <s v="FINAN"/>
    <s v="G0001267"/>
    <s v="971"/>
    <s v="V"/>
    <s v="FANANDA"/>
    <s v="997"/>
    <s v=" "/>
    <s v="P"/>
    <s v="2022-11-04-14.12.21.831650"/>
    <n v="3722"/>
    <s v="UPL"/>
    <s v="S351016"/>
    <s v=" "/>
    <s v="REC"/>
    <s v="RECORD KPCO SHARE OF MITCHELL"/>
  </r>
  <r>
    <x v="1"/>
    <x v="47"/>
    <x v="31"/>
    <n v="10"/>
    <n v="2022"/>
    <x v="5"/>
    <s v="Real Personal Property Taxes"/>
    <s v="TO BILL KPCO FOR MITCHELL ACTI"/>
    <s v="WV"/>
    <s v="13403"/>
    <n v="117431"/>
    <s v="S052"/>
    <s v=" "/>
    <s v="FINAN"/>
    <s v="G0001267"/>
    <s v="971"/>
    <s v="V"/>
    <s v="FANANDA"/>
    <s v="997"/>
    <s v=" "/>
    <s v="P"/>
    <s v="2022-11-04-14.12.21.831650"/>
    <n v="3723"/>
    <s v="UPL"/>
    <s v="S351016"/>
    <s v=" "/>
    <s v="REC"/>
    <s v="RECORD KPCO SHARE OF MITCHELL"/>
  </r>
  <r>
    <x v="1"/>
    <x v="31"/>
    <x v="2"/>
    <n v="10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0-28-10.21.12.368385"/>
    <n v="3"/>
    <s v="ONB"/>
    <s v="B10104P"/>
    <s v=" "/>
    <s v="REC"/>
    <s v="KYPCO WV 2022 OWNED-WV117"/>
  </r>
  <r>
    <x v="2"/>
    <x v="31"/>
    <x v="4"/>
    <n v="10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10-31-15.02.28.820454"/>
    <n v="12"/>
    <s v="ONB"/>
    <s v="B10104P"/>
    <s v=" "/>
    <s v="REC"/>
    <s v="KYPCO KY 2022 OWNED-KY180"/>
  </r>
  <r>
    <x v="0"/>
    <x v="32"/>
    <x v="4"/>
    <n v="11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11-30-13.40.28.134583"/>
    <n v="3"/>
    <s v="ONB"/>
    <s v="B10104P"/>
    <s v=" "/>
    <s v="REC"/>
    <s v="KYPCO KY 2022 OWNED-KY110"/>
  </r>
  <r>
    <x v="1"/>
    <x v="32"/>
    <x v="4"/>
    <n v="11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11-30-13.40.28.878482"/>
    <n v="8"/>
    <s v="ONB"/>
    <s v="B10104P"/>
    <s v=" "/>
    <s v="REC"/>
    <s v="KYPCO KY 2022 OWNED-KY117"/>
  </r>
  <r>
    <x v="1"/>
    <x v="32"/>
    <x v="34"/>
    <n v="11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2-12-01-23.46.26.174526"/>
    <n v="109"/>
    <s v="PRA"/>
    <s v="GLBATCH"/>
    <s v=" "/>
    <s v=" "/>
    <s v="Intercompany Billing"/>
  </r>
  <r>
    <x v="1"/>
    <x v="48"/>
    <x v="31"/>
    <n v="11"/>
    <n v="2022"/>
    <x v="5"/>
    <s v="Real Personal Property Taxes"/>
    <s v="TO BILL KPCO FOR MITCHELL ACTI"/>
    <s v="WV"/>
    <s v="13403"/>
    <n v="117431"/>
    <s v=" "/>
    <s v=" "/>
    <s v="FINAN"/>
    <s v="G0001267"/>
    <s v="971"/>
    <s v="V"/>
    <s v="FANANDA"/>
    <s v="997"/>
    <s v=" "/>
    <s v="P"/>
    <s v="2022-12-05-15.38.00.873794"/>
    <n v="4001"/>
    <s v="UPL"/>
    <s v="S357777"/>
    <s v=" "/>
    <s v="REC"/>
    <s v="Real Personal Property Taxes"/>
  </r>
  <r>
    <x v="1"/>
    <x v="32"/>
    <x v="2"/>
    <n v="11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1-30-14.23.53.009449"/>
    <n v="3"/>
    <s v="ONB"/>
    <s v="S294989"/>
    <s v=" "/>
    <s v="REC"/>
    <s v="KYPCO WV 2022 OWNED-WV117"/>
  </r>
  <r>
    <x v="1"/>
    <x v="48"/>
    <x v="31"/>
    <n v="11"/>
    <n v="2022"/>
    <x v="5"/>
    <s v="Real Personal Property Taxes"/>
    <s v="TO BILL KPCO FOR MITCHELL ACTI"/>
    <s v="WV"/>
    <s v="13403"/>
    <n v="126113"/>
    <s v=" "/>
    <s v=" "/>
    <s v="FINAN"/>
    <s v="G0001267"/>
    <s v="971"/>
    <s v="V"/>
    <s v="FANANDA"/>
    <s v="997"/>
    <s v=" "/>
    <s v="P"/>
    <s v="2022-12-05-15.38.00.873794"/>
    <n v="4000"/>
    <s v="UPL"/>
    <s v="S357777"/>
    <s v=" "/>
    <s v="REC"/>
    <s v="Real Personal Property Taxes"/>
  </r>
  <r>
    <x v="2"/>
    <x v="32"/>
    <x v="4"/>
    <n v="11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11-30-13.40.29.468458"/>
    <n v="12"/>
    <s v="ONB"/>
    <s v="B10104P"/>
    <s v=" "/>
    <s v="REC"/>
    <s v="KYPCO KY 2022 OWNED-KY180"/>
  </r>
  <r>
    <x v="0"/>
    <x v="33"/>
    <x v="4"/>
    <n v="12"/>
    <n v="2022"/>
    <x v="5"/>
    <s v="Real Personal Property Taxes"/>
    <s v="KY NORMAL MONTHLY AMORTIZATION"/>
    <s v="KY"/>
    <s v="12139"/>
    <n v="827126.88"/>
    <s v=" "/>
    <s v=" "/>
    <s v="FINAN"/>
    <s v="G0000110"/>
    <s v="999"/>
    <s v="V"/>
    <s v="FANANDA"/>
    <s v="655"/>
    <s v=" "/>
    <s v="P"/>
    <s v="2022-12-27-11.35.08.593444"/>
    <n v="3"/>
    <s v="ONB"/>
    <s v="B10104P"/>
    <s v=" "/>
    <s v="REC"/>
    <s v="KYPCO KY 2022 OWNED-KY110"/>
  </r>
  <r>
    <x v="1"/>
    <x v="33"/>
    <x v="4"/>
    <n v="12"/>
    <n v="2022"/>
    <x v="5"/>
    <s v="Real Personal Property Taxes"/>
    <s v="KY NORMAL MONTHLY AMORTIZATION"/>
    <s v="KY"/>
    <s v="12139"/>
    <n v="30629"/>
    <s v=" "/>
    <s v=" "/>
    <s v="FINAN"/>
    <s v="G0001096"/>
    <s v="999"/>
    <s v="V"/>
    <s v="FANANDA"/>
    <s v="655"/>
    <s v=" "/>
    <s v="P"/>
    <s v="2022-12-27-11.35.09.085270"/>
    <n v="8"/>
    <s v="ONB"/>
    <s v="B10104P"/>
    <s v=" "/>
    <s v="REC"/>
    <s v="KYPCO KY 2022 OWNED-KY117"/>
  </r>
  <r>
    <x v="1"/>
    <x v="49"/>
    <x v="35"/>
    <n v="12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1-04-04.09.44.818227"/>
    <n v="123"/>
    <s v="PRA"/>
    <s v="GLBATCH"/>
    <s v=" "/>
    <s v=" "/>
    <s v="Intercompany Billing"/>
  </r>
  <r>
    <x v="1"/>
    <x v="49"/>
    <x v="2"/>
    <n v="12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2-27-11.36.44.560386"/>
    <n v="3"/>
    <s v="ONB"/>
    <s v="B10104P"/>
    <s v=" "/>
    <s v="REC"/>
    <s v="KYPCO WV 2022 OWNED-WV117"/>
  </r>
  <r>
    <x v="1"/>
    <x v="50"/>
    <x v="31"/>
    <n v="12"/>
    <n v="2022"/>
    <x v="5"/>
    <s v="Real Personal Property Taxes"/>
    <s v="TO BILL KPCO FOR MITCHELL ACTI"/>
    <s v="WV"/>
    <s v="13403"/>
    <n v="126113"/>
    <s v=" "/>
    <s v=" "/>
    <s v="FINAN"/>
    <s v="G0001267"/>
    <s v="971"/>
    <s v="V"/>
    <s v="FANANDA"/>
    <s v="997"/>
    <s v=" "/>
    <s v="P"/>
    <s v="2023-01-05-17.25.41.423266"/>
    <n v="4888"/>
    <s v="UPL"/>
    <s v="S294920"/>
    <s v="TXAMTJKN"/>
    <s v="REC"/>
    <s v="Real Personal Property Taxes"/>
  </r>
  <r>
    <x v="1"/>
    <x v="50"/>
    <x v="31"/>
    <n v="12"/>
    <n v="2022"/>
    <x v="5"/>
    <s v="Real Personal Property Taxes"/>
    <s v="TO BILL KPCO FOR MITCHELL ACTI"/>
    <s v="WV"/>
    <s v="13403"/>
    <n v="117431"/>
    <s v=" "/>
    <s v=" "/>
    <s v="FINAN"/>
    <s v="G0001267"/>
    <s v="971"/>
    <s v="V"/>
    <s v="FANANDA"/>
    <s v="997"/>
    <s v=" "/>
    <s v="P"/>
    <s v="2023-01-05-17.25.41.423266"/>
    <n v="4889"/>
    <s v="UPL"/>
    <s v="S294920"/>
    <s v="INTCOM0689"/>
    <s v="REC"/>
    <s v="Real Personal Property Taxes"/>
  </r>
  <r>
    <x v="2"/>
    <x v="33"/>
    <x v="4"/>
    <n v="12"/>
    <n v="2022"/>
    <x v="5"/>
    <s v="Real Personal Property Taxes"/>
    <s v="KY NORMAL MONTHLY AMORTIZATION"/>
    <s v="KY"/>
    <s v="12139"/>
    <n v="418845.12"/>
    <s v=" "/>
    <s v=" "/>
    <s v="FINAN"/>
    <s v="G0000180"/>
    <s v="999"/>
    <s v="V"/>
    <s v="FANANDA"/>
    <s v="655"/>
    <s v=" "/>
    <s v="P"/>
    <s v="2022-12-27-11.35.09.507782"/>
    <n v="12"/>
    <s v="ONB"/>
    <s v="B10104P"/>
    <s v=" "/>
    <s v="REC"/>
    <s v="KYPCO KY 2022 OWNED-KY180"/>
  </r>
  <r>
    <x v="0"/>
    <x v="19"/>
    <x v="17"/>
    <n v="9"/>
    <n v="2021"/>
    <x v="6"/>
    <s v="Real-Pers Prop Tax-Cap Leases"/>
    <s v="KYPCO WV  - EXPENSE LSD PP PAY"/>
    <s v="WV"/>
    <s v="12139"/>
    <n v="244.34"/>
    <s v=" "/>
    <s v=" "/>
    <s v="FINAN"/>
    <s v="G0000110"/>
    <s v="920"/>
    <s v="V"/>
    <s v="FANANDA"/>
    <s v="655"/>
    <s v=" "/>
    <s v="P"/>
    <s v="2021-10-01-07.04.53.220956"/>
    <n v="1"/>
    <s v="ONB"/>
    <s v="S294989"/>
    <s v=" "/>
    <s v="NONREC"/>
    <s v="EXPENSE LSD PP"/>
  </r>
  <r>
    <x v="1"/>
    <x v="19"/>
    <x v="30"/>
    <n v="9"/>
    <n v="2021"/>
    <x v="6"/>
    <s v="Real-Pers Prop Tax-Cap Leases"/>
    <s v="KYPCO WV  - OUA ENTRY FOR WV T"/>
    <s v="WV"/>
    <s v="12139"/>
    <n v="41.58"/>
    <s v=" "/>
    <s v=" "/>
    <s v="FINAN"/>
    <s v="G0000117"/>
    <s v="920"/>
    <s v="V"/>
    <s v="FANANDA"/>
    <s v="655"/>
    <s v=" "/>
    <s v="P"/>
    <s v="2021-10-01-12.18.18.590972"/>
    <n v="1"/>
    <s v="ONB"/>
    <s v="S294989"/>
    <s v=" "/>
    <s v="NONREC"/>
    <s v="OUA WV LSD PP"/>
  </r>
  <r>
    <x v="0"/>
    <x v="0"/>
    <x v="0"/>
    <n v="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U"/>
    <s v="2021-02-01-11.10.37.241465"/>
    <n v="1"/>
    <s v="UPL"/>
    <s v="S131108"/>
    <s v=" "/>
    <s v="REC"/>
    <s v="KYPCO KY 2021 LPP-KY110"/>
  </r>
  <r>
    <x v="0"/>
    <x v="1"/>
    <x v="0"/>
    <n v="1"/>
    <n v="2021"/>
    <x v="7"/>
    <s v="Real-Pers Prop Tax-Cap Leases"/>
    <s v="NORMAL MONTHLY AMORTIZATIONS"/>
    <s v="KY"/>
    <s v="12139"/>
    <n v="-22393"/>
    <s v=" "/>
    <s v=" "/>
    <s v="FINAN"/>
    <s v="G0000110"/>
    <s v="920"/>
    <s v="V"/>
    <s v="FANANDA"/>
    <s v="655"/>
    <s v=" "/>
    <s v="P"/>
    <s v="2021-02-01-10.39.25.692890"/>
    <n v="1"/>
    <s v="UPL"/>
    <s v="S131108"/>
    <s v=" "/>
    <s v="REC"/>
    <s v="KYPCO KY 2021 LPP-KY110"/>
  </r>
  <r>
    <x v="0"/>
    <x v="1"/>
    <x v="0"/>
    <n v="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U"/>
    <s v="2021-01-31-08.03.32.838686"/>
    <n v="1"/>
    <s v="UPL"/>
    <s v="S131108"/>
    <s v=" "/>
    <s v="REC"/>
    <s v="KYPCO KY 2021 LPP-KY110"/>
  </r>
  <r>
    <x v="0"/>
    <x v="2"/>
    <x v="0"/>
    <n v="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2-01-18.25.01.826308"/>
    <n v="1"/>
    <s v="UPL"/>
    <s v="S131108"/>
    <s v=" "/>
    <s v="REC"/>
    <s v="KYPCO KY 2021 LPP-KY110"/>
  </r>
  <r>
    <x v="0"/>
    <x v="0"/>
    <x v="0"/>
    <n v="1"/>
    <n v="2021"/>
    <x v="7"/>
    <s v="Real-Pers Prop Tax-Cap Leases"/>
    <s v="NORMAL MONTHLY AMORTIZATIONS"/>
    <s v="KY"/>
    <s v="12139"/>
    <n v="-22393"/>
    <s v=" "/>
    <s v=" "/>
    <s v="FINAN"/>
    <s v="G0000110"/>
    <s v="920"/>
    <s v="V"/>
    <s v="FANANDA"/>
    <s v="655"/>
    <s v=" "/>
    <s v="P"/>
    <s v="2021-02-01-18.01.01.740417"/>
    <n v="1"/>
    <s v="UPL"/>
    <s v="S131108"/>
    <s v=" "/>
    <s v="REC"/>
    <s v="KYPCO KY 2021 LPP-KY110"/>
  </r>
  <r>
    <x v="1"/>
    <x v="0"/>
    <x v="0"/>
    <n v="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U"/>
    <s v="2021-02-01-11.10.37.641098"/>
    <n v="6"/>
    <s v="UPL"/>
    <s v="S131108"/>
    <s v=" "/>
    <s v="REC"/>
    <s v="KYPCO KY 2021 LPP-KY117"/>
  </r>
  <r>
    <x v="1"/>
    <x v="1"/>
    <x v="0"/>
    <n v="1"/>
    <n v="2021"/>
    <x v="7"/>
    <s v="Real-Pers Prop Tax-Cap Leases"/>
    <s v="NORMAL MONTHLY AMORTIZATIONS"/>
    <s v="KY"/>
    <s v="12139"/>
    <n v="-1039"/>
    <s v=" "/>
    <s v=" "/>
    <s v="FINAN"/>
    <s v="G0000117"/>
    <s v="920"/>
    <s v="V"/>
    <s v="FANANDA"/>
    <s v="655"/>
    <s v=" "/>
    <s v="P"/>
    <s v="2021-02-01-10.39.26.472049"/>
    <n v="6"/>
    <s v="UPL"/>
    <s v="S131108"/>
    <s v=" "/>
    <s v="REC"/>
    <s v="KYPCO KY 2021 LPP-KY117"/>
  </r>
  <r>
    <x v="1"/>
    <x v="1"/>
    <x v="0"/>
    <n v="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U"/>
    <s v="2021-01-31-08.03.33.562517"/>
    <n v="6"/>
    <s v="UPL"/>
    <s v="S131108"/>
    <s v=" "/>
    <s v="REC"/>
    <s v="KYPCO KY 2021 LPP-KY117"/>
  </r>
  <r>
    <x v="1"/>
    <x v="2"/>
    <x v="0"/>
    <n v="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2-01-18.25.02.510544"/>
    <n v="6"/>
    <s v="UPL"/>
    <s v="S131108"/>
    <s v=" "/>
    <s v="REC"/>
    <s v="KYPCO KY 2021 LPP-KY117"/>
  </r>
  <r>
    <x v="1"/>
    <x v="0"/>
    <x v="0"/>
    <n v="1"/>
    <n v="2021"/>
    <x v="7"/>
    <s v="Real-Pers Prop Tax-Cap Leases"/>
    <s v="NORMAL MONTHLY AMORTIZATIONS"/>
    <s v="KY"/>
    <s v="12139"/>
    <n v="-1039"/>
    <s v=" "/>
    <s v=" "/>
    <s v="FINAN"/>
    <s v="G0000117"/>
    <s v="920"/>
    <s v="V"/>
    <s v="FANANDA"/>
    <s v="655"/>
    <s v=" "/>
    <s v="P"/>
    <s v="2021-02-01-18.01.03.035187"/>
    <n v="6"/>
    <s v="UPL"/>
    <s v="S131108"/>
    <s v=" "/>
    <s v="REC"/>
    <s v="KYPCO KY 2021 LPP-KY117"/>
  </r>
  <r>
    <x v="2"/>
    <x v="1"/>
    <x v="0"/>
    <n v="1"/>
    <n v="2021"/>
    <x v="7"/>
    <s v="Real-Pers Prop Tax-Cap Leases"/>
    <s v="NORMAL MONTHLY AMORTIZATIONS"/>
    <s v="KY"/>
    <s v="12139"/>
    <n v="-17135"/>
    <s v=" "/>
    <s v=" "/>
    <s v="FINAN"/>
    <s v="G0000180"/>
    <s v="920"/>
    <s v="V"/>
    <s v="FANANDA"/>
    <s v="655"/>
    <s v=" "/>
    <s v="P"/>
    <s v="2021-02-01-10.39.29.322498"/>
    <n v="50"/>
    <s v="UPL"/>
    <s v="S131108"/>
    <s v=" "/>
    <s v="REC"/>
    <s v="KYPCO KY 2021 LPP-KY180"/>
  </r>
  <r>
    <x v="2"/>
    <x v="0"/>
    <x v="0"/>
    <n v="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U"/>
    <s v="2021-02-01-11.10.39.410032"/>
    <n v="50"/>
    <s v="UPL"/>
    <s v="S131108"/>
    <s v=" "/>
    <s v="REC"/>
    <s v="KYPCO KY 2021 LPP-KY180"/>
  </r>
  <r>
    <x v="2"/>
    <x v="1"/>
    <x v="0"/>
    <n v="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U"/>
    <s v="2021-01-31-08.03.35.775133"/>
    <n v="50"/>
    <s v="UPL"/>
    <s v="S131108"/>
    <s v=" "/>
    <s v="REC"/>
    <s v="KYPCO KY 2021 LPP-KY180"/>
  </r>
  <r>
    <x v="2"/>
    <x v="0"/>
    <x v="0"/>
    <n v="1"/>
    <n v="2021"/>
    <x v="7"/>
    <s v="Real-Pers Prop Tax-Cap Leases"/>
    <s v="NORMAL MONTHLY AMORTIZATIONS"/>
    <s v="KY"/>
    <s v="12139"/>
    <n v="-17135"/>
    <s v=" "/>
    <s v=" "/>
    <s v="FINAN"/>
    <s v="G0000180"/>
    <s v="920"/>
    <s v="V"/>
    <s v="FANANDA"/>
    <s v="655"/>
    <s v=" "/>
    <s v="P"/>
    <s v="2021-02-01-18.01.08.812005"/>
    <n v="50"/>
    <s v="UPL"/>
    <s v="S131108"/>
    <s v=" "/>
    <s v="REC"/>
    <s v="KYPCO KY 2021 LPP-KY180"/>
  </r>
  <r>
    <x v="2"/>
    <x v="2"/>
    <x v="0"/>
    <n v="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2-01-18.25.05.115998"/>
    <n v="50"/>
    <s v="UPL"/>
    <s v="S131108"/>
    <s v=" "/>
    <s v="REC"/>
    <s v="KYPCO KY 2021 LPP-KY180"/>
  </r>
  <r>
    <x v="0"/>
    <x v="4"/>
    <x v="0"/>
    <n v="2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2-27-01.01.29.435546"/>
    <n v="1"/>
    <s v="UPL"/>
    <s v="S297197"/>
    <s v=" "/>
    <s v="REC"/>
    <s v="KYPCO KY 2021 LPP-KY110"/>
  </r>
  <r>
    <x v="1"/>
    <x v="4"/>
    <x v="0"/>
    <n v="2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2-27-01.01.30.102120"/>
    <n v="6"/>
    <s v="UPL"/>
    <s v="S297197"/>
    <s v=" "/>
    <s v="REC"/>
    <s v="KYPCO KY 2021 LPP-KY117"/>
  </r>
  <r>
    <x v="2"/>
    <x v="4"/>
    <x v="0"/>
    <n v="2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2-27-01.01.33.729533"/>
    <n v="44"/>
    <s v="UPL"/>
    <s v="S297197"/>
    <s v=" "/>
    <s v="REC"/>
    <s v="KYPCO KY 2021 LPP-KY180"/>
  </r>
  <r>
    <x v="0"/>
    <x v="6"/>
    <x v="4"/>
    <n v="3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U"/>
    <s v="2021-03-31-13.42.56.903338"/>
    <n v="1"/>
    <s v="UPL"/>
    <s v="S304021"/>
    <s v=" "/>
    <s v="REC"/>
    <s v="KYPCO KY 2021 LPP-KY110"/>
  </r>
  <r>
    <x v="0"/>
    <x v="6"/>
    <x v="4"/>
    <n v="3"/>
    <n v="2021"/>
    <x v="7"/>
    <s v="Real-Pers Prop Tax-Cap Leases"/>
    <s v="NORMAL MONTHLY AMORTIZATIONS"/>
    <s v="KY"/>
    <s v="12139"/>
    <n v="-22393"/>
    <s v=" "/>
    <s v=" "/>
    <s v="FINAN"/>
    <s v="G0000110"/>
    <s v="920"/>
    <s v="V"/>
    <s v="FANANDA"/>
    <s v="655"/>
    <s v=" "/>
    <s v="P"/>
    <s v="2021-04-01-06.45.28.685650"/>
    <n v="1"/>
    <s v="UPL"/>
    <s v="S304021"/>
    <s v=" "/>
    <s v="REC"/>
    <s v="KYPCO KY 2021 LPP-KY110"/>
  </r>
  <r>
    <x v="0"/>
    <x v="7"/>
    <x v="4"/>
    <n v="3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3-31-23.43.55.634319"/>
    <n v="1"/>
    <s v="UPL"/>
    <s v="S296208"/>
    <s v=" "/>
    <s v="REC"/>
    <s v="KYPCO KY 2021 LPP-KY110"/>
  </r>
  <r>
    <x v="1"/>
    <x v="6"/>
    <x v="4"/>
    <n v="3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U"/>
    <s v="2021-03-31-13.42.57.670630"/>
    <n v="6"/>
    <s v="UPL"/>
    <s v="S304021"/>
    <s v=" "/>
    <s v="REC"/>
    <s v="KYPCO KY 2021 LPP-KY117"/>
  </r>
  <r>
    <x v="1"/>
    <x v="6"/>
    <x v="4"/>
    <n v="3"/>
    <n v="2021"/>
    <x v="7"/>
    <s v="Real-Pers Prop Tax-Cap Leases"/>
    <s v="NORMAL MONTHLY AMORTIZATIONS"/>
    <s v="KY"/>
    <s v="12139"/>
    <n v="-1039"/>
    <s v=" "/>
    <s v=" "/>
    <s v="FINAN"/>
    <s v="G0000117"/>
    <s v="920"/>
    <s v="V"/>
    <s v="FANANDA"/>
    <s v="655"/>
    <s v=" "/>
    <s v="P"/>
    <s v="2021-04-01-06.45.30.392525"/>
    <n v="6"/>
    <s v="UPL"/>
    <s v="S304021"/>
    <s v=" "/>
    <s v="REC"/>
    <s v="KYPCO KY 2021 LPP-KY117"/>
  </r>
  <r>
    <x v="1"/>
    <x v="7"/>
    <x v="4"/>
    <n v="3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3-31-23.43.56.927644"/>
    <n v="6"/>
    <s v="UPL"/>
    <s v="S296208"/>
    <s v=" "/>
    <s v="REC"/>
    <s v="KYPCO KY 2021 LPP-KY117"/>
  </r>
  <r>
    <x v="2"/>
    <x v="7"/>
    <x v="4"/>
    <n v="3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3-31-23.44.03.071829"/>
    <n v="44"/>
    <s v="UPL"/>
    <s v="S296208"/>
    <s v=" "/>
    <s v="REC"/>
    <s v="KYPCO KY 2021 LPP-KY180"/>
  </r>
  <r>
    <x v="2"/>
    <x v="6"/>
    <x v="4"/>
    <n v="3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U"/>
    <s v="2021-03-31-13.43.00.910261"/>
    <n v="46"/>
    <s v="UPL"/>
    <s v="S304021"/>
    <s v=" "/>
    <s v="REC"/>
    <s v="KYPCO KY 2021 LPP-KY180"/>
  </r>
  <r>
    <x v="2"/>
    <x v="6"/>
    <x v="4"/>
    <n v="3"/>
    <n v="2021"/>
    <x v="7"/>
    <s v="Real-Pers Prop Tax-Cap Leases"/>
    <s v="NORMAL MONTHLY AMORTIZATIONS"/>
    <s v="KY"/>
    <s v="12139"/>
    <n v="-17135"/>
    <s v=" "/>
    <s v=" "/>
    <s v="FINAN"/>
    <s v="G0000180"/>
    <s v="920"/>
    <s v="V"/>
    <s v="FANANDA"/>
    <s v="655"/>
    <s v=" "/>
    <s v="P"/>
    <s v="2021-04-01-06.45.40.251045"/>
    <n v="46"/>
    <s v="UPL"/>
    <s v="S304021"/>
    <s v=" "/>
    <s v="REC"/>
    <s v="KYPCO KY 2021 LPP-KY180"/>
  </r>
  <r>
    <x v="0"/>
    <x v="10"/>
    <x v="4"/>
    <n v="4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4-30-15.48.30.491592"/>
    <n v="1"/>
    <s v="UPL"/>
    <s v="S294428"/>
    <s v=" "/>
    <s v="REC"/>
    <s v="KYPCO KY 2021 LPP-KY110"/>
  </r>
  <r>
    <x v="1"/>
    <x v="10"/>
    <x v="4"/>
    <n v="4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4-30-15.48.31.115224"/>
    <n v="6"/>
    <s v="UPL"/>
    <s v="S294428"/>
    <s v=" "/>
    <s v="REC"/>
    <s v="KYPCO KY 2021 LPP-KY117"/>
  </r>
  <r>
    <x v="2"/>
    <x v="10"/>
    <x v="4"/>
    <n v="4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4-30-15.48.33.649857"/>
    <n v="44"/>
    <s v="UPL"/>
    <s v="S294428"/>
    <s v=" "/>
    <s v="REC"/>
    <s v="KYPCO KY 2021 LPP-KY180"/>
  </r>
  <r>
    <x v="0"/>
    <x v="12"/>
    <x v="4"/>
    <n v="5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5-28-15.43.32.712203"/>
    <n v="1"/>
    <s v="UPL"/>
    <s v="S296216"/>
    <s v=" "/>
    <s v="REC"/>
    <s v="KYPCO KY 2021 LPP-KY110"/>
  </r>
  <r>
    <x v="1"/>
    <x v="12"/>
    <x v="4"/>
    <n v="5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5-28-15.43.33.556406"/>
    <n v="6"/>
    <s v="UPL"/>
    <s v="S296216"/>
    <s v=" "/>
    <s v="REC"/>
    <s v="KYPCO KY 2021 LPP-KY117"/>
  </r>
  <r>
    <x v="2"/>
    <x v="12"/>
    <x v="4"/>
    <n v="5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5-28-15.43.36.957225"/>
    <n v="44"/>
    <s v="UPL"/>
    <s v="S296216"/>
    <s v=" "/>
    <s v="REC"/>
    <s v="KYPCO KY 2021 LPP-KY180"/>
  </r>
  <r>
    <x v="0"/>
    <x v="14"/>
    <x v="4"/>
    <n v="6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6-30-16.38.16.023912"/>
    <n v="1"/>
    <s v="UPL"/>
    <s v="S297197"/>
    <s v=" "/>
    <s v="REC"/>
    <s v="KYPCO KY 2021 LPP-KY110"/>
  </r>
  <r>
    <x v="1"/>
    <x v="14"/>
    <x v="4"/>
    <n v="6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6-30-16.38.16.446273"/>
    <n v="6"/>
    <s v="UPL"/>
    <s v="S297197"/>
    <s v=" "/>
    <s v="REC"/>
    <s v="KYPCO KY 2021 LPP-KY117"/>
  </r>
  <r>
    <x v="2"/>
    <x v="14"/>
    <x v="4"/>
    <n v="6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6-30-16.38.18.625464"/>
    <n v="44"/>
    <s v="UPL"/>
    <s v="S297197"/>
    <s v=" "/>
    <s v="REC"/>
    <s v="KYPCO KY 2021 LPP-KY180"/>
  </r>
  <r>
    <x v="0"/>
    <x v="17"/>
    <x v="4"/>
    <n v="7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7-30-13.44.43.871641"/>
    <n v="1"/>
    <s v="ONB"/>
    <s v="S294989"/>
    <s v=" "/>
    <s v="REC"/>
    <s v="KYPCO KY 2021 LPP-KY110"/>
  </r>
  <r>
    <x v="1"/>
    <x v="17"/>
    <x v="4"/>
    <n v="7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7-30-13.44.44.477582"/>
    <n v="6"/>
    <s v="ONB"/>
    <s v="S294989"/>
    <s v=" "/>
    <s v="REC"/>
    <s v="KYPCO KY 2021 LPP-KY117"/>
  </r>
  <r>
    <x v="2"/>
    <x v="17"/>
    <x v="4"/>
    <n v="7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7-30-13.44.47.058000"/>
    <n v="44"/>
    <s v="ONB"/>
    <s v="S294989"/>
    <s v=" "/>
    <s v="REC"/>
    <s v="KYPCO KY 2021 LPP-KY180"/>
  </r>
  <r>
    <x v="0"/>
    <x v="18"/>
    <x v="4"/>
    <n v="8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8-31-23.50.20.272637"/>
    <n v="1"/>
    <s v="ONB"/>
    <s v="S294989"/>
    <s v=" "/>
    <s v="REC"/>
    <s v="KYPCO KY 2021 LPP-KY110"/>
  </r>
  <r>
    <x v="1"/>
    <x v="44"/>
    <x v="17"/>
    <n v="8"/>
    <n v="2021"/>
    <x v="7"/>
    <s v="Real-Pers Prop Tax-Cap Leases"/>
    <s v="KYPCO WV LSD PP - REVERSE AND"/>
    <s v="WV"/>
    <s v="12139"/>
    <n v="6600"/>
    <s v=" "/>
    <s v=" "/>
    <s v="FINAN"/>
    <s v="G0000117"/>
    <s v="920"/>
    <s v="V"/>
    <s v="FANANDA"/>
    <s v="655"/>
    <s v=" "/>
    <s v="P"/>
    <s v="2021-08-30-12.56.00.443690"/>
    <n v="1"/>
    <s v="ONB"/>
    <s v="S294989"/>
    <s v=" "/>
    <s v="NONREC"/>
    <s v="CORRECTION ENTRY"/>
  </r>
  <r>
    <x v="1"/>
    <x v="18"/>
    <x v="4"/>
    <n v="8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8-31-23.50.23.765926"/>
    <n v="6"/>
    <s v="ONB"/>
    <s v="S294989"/>
    <s v=" "/>
    <s v="REC"/>
    <s v="KYPCO KY 2021 LPP-KY117"/>
  </r>
  <r>
    <x v="2"/>
    <x v="18"/>
    <x v="4"/>
    <n v="8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8-31-23.50.33.521822"/>
    <n v="44"/>
    <s v="ONB"/>
    <s v="S294989"/>
    <s v=" "/>
    <s v="REC"/>
    <s v="KYPCO KY 2021 LPP-KY180"/>
  </r>
  <r>
    <x v="0"/>
    <x v="19"/>
    <x v="4"/>
    <n v="9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10-01-09.06.42.647753"/>
    <n v="1"/>
    <s v="ONB"/>
    <s v="S294989"/>
    <s v=" "/>
    <s v="REC"/>
    <s v="KYPCO KY 2021 LPP-KY110"/>
  </r>
  <r>
    <x v="1"/>
    <x v="19"/>
    <x v="4"/>
    <n v="9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10-01-09.06.43.331432"/>
    <n v="6"/>
    <s v="ONB"/>
    <s v="S294989"/>
    <s v=" "/>
    <s v="REC"/>
    <s v="KYPCO KY 2021 LPP-KY117"/>
  </r>
  <r>
    <x v="1"/>
    <x v="45"/>
    <x v="30"/>
    <n v="9"/>
    <n v="2022"/>
    <x v="7"/>
    <s v="Real-Pers Prop Tax-Cap Leases"/>
    <s v="WV - OUA ENTRIES TY '22 FOR RA"/>
    <s v="WV"/>
    <s v="12139"/>
    <n v="289.12"/>
    <s v=" "/>
    <s v=" "/>
    <s v="FINAN"/>
    <s v="G0000117"/>
    <s v="920"/>
    <s v="V"/>
    <s v="FANANDA"/>
    <s v="655"/>
    <s v=" "/>
    <s v="P"/>
    <s v="2022-10-01-07.19.34.515817"/>
    <n v="2"/>
    <s v="ONB"/>
    <s v="B10104P"/>
    <s v=" "/>
    <s v="NONREC"/>
    <s v="OUA LSD PP WV TY22"/>
  </r>
  <r>
    <x v="2"/>
    <x v="19"/>
    <x v="4"/>
    <n v="9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10-01-09.06.46.696811"/>
    <n v="44"/>
    <s v="ONB"/>
    <s v="S294989"/>
    <s v=" "/>
    <s v="REC"/>
    <s v="KYPCO KY 2021 LPP-KY180"/>
  </r>
  <r>
    <x v="0"/>
    <x v="21"/>
    <x v="4"/>
    <n v="10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10-28-13.46.28.721241"/>
    <n v="1"/>
    <s v="ONB"/>
    <s v="S294989"/>
    <s v=" "/>
    <s v="REC"/>
    <s v="KYPCO KY 2021 LPP-KY110"/>
  </r>
  <r>
    <x v="1"/>
    <x v="21"/>
    <x v="4"/>
    <n v="10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10-28-13.46.29.286581"/>
    <n v="6"/>
    <s v="ONB"/>
    <s v="S294989"/>
    <s v=" "/>
    <s v="REC"/>
    <s v="KYPCO KY 2021 LPP-KY117"/>
  </r>
  <r>
    <x v="2"/>
    <x v="21"/>
    <x v="4"/>
    <n v="10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10-28-13.46.32.044017"/>
    <n v="44"/>
    <s v="ONB"/>
    <s v="S294989"/>
    <s v=" "/>
    <s v="REC"/>
    <s v="KYPCO KY 2021 LPP-KY180"/>
  </r>
  <r>
    <x v="0"/>
    <x v="22"/>
    <x v="4"/>
    <n v="1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11-29-12.35.22.903843"/>
    <n v="1"/>
    <s v="ONB"/>
    <s v="S294989"/>
    <s v=" "/>
    <s v="REC"/>
    <s v="KYPCO KY 2021 LPP-KY110"/>
  </r>
  <r>
    <x v="1"/>
    <x v="22"/>
    <x v="4"/>
    <n v="1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11-29-12.35.23.886755"/>
    <n v="6"/>
    <s v="ONB"/>
    <s v="S294989"/>
    <s v=" "/>
    <s v="REC"/>
    <s v="KYPCO KY 2021 LPP-KY117"/>
  </r>
  <r>
    <x v="2"/>
    <x v="22"/>
    <x v="4"/>
    <n v="1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11-29-12.35.27.491478"/>
    <n v="44"/>
    <s v="ONB"/>
    <s v="S294989"/>
    <s v=" "/>
    <s v="REC"/>
    <s v="KYPCO KY 2021 LPP-KY180"/>
  </r>
  <r>
    <x v="0"/>
    <x v="23"/>
    <x v="4"/>
    <n v="12"/>
    <n v="2021"/>
    <x v="7"/>
    <s v="Real-Pers Prop Tax-Cap Leases"/>
    <s v="NORMAL MONTHLY AMORTIZATIONS"/>
    <s v="KY"/>
    <s v="12139"/>
    <n v="22391"/>
    <s v=" "/>
    <s v=" "/>
    <s v="FINAN"/>
    <s v="G0000110"/>
    <s v="920"/>
    <s v="V"/>
    <s v="FANANDA"/>
    <s v="655"/>
    <s v=" "/>
    <s v="P"/>
    <s v="2022-01-03-06.06.34.194839"/>
    <n v="1"/>
    <s v="ONB"/>
    <s v="S294989"/>
    <s v=" "/>
    <s v="REC"/>
    <s v="KYPCO KY 2021 LPP-KY110"/>
  </r>
  <r>
    <x v="1"/>
    <x v="23"/>
    <x v="4"/>
    <n v="12"/>
    <n v="2021"/>
    <x v="7"/>
    <s v="Real-Pers Prop Tax-Cap Leases"/>
    <s v="NORMAL MONTHLY AMORTIZATIONS"/>
    <s v="KY"/>
    <s v="12139"/>
    <n v="1033"/>
    <s v=" "/>
    <s v=" "/>
    <s v="FINAN"/>
    <s v="G0000117"/>
    <s v="920"/>
    <s v="V"/>
    <s v="FANANDA"/>
    <s v="655"/>
    <s v=" "/>
    <s v="P"/>
    <s v="2022-01-03-06.06.34.810971"/>
    <n v="6"/>
    <s v="ONB"/>
    <s v="S294989"/>
    <s v=" "/>
    <s v="REC"/>
    <s v="KYPCO KY 2021 LPP-KY117"/>
  </r>
  <r>
    <x v="2"/>
    <x v="23"/>
    <x v="4"/>
    <n v="12"/>
    <n v="2021"/>
    <x v="7"/>
    <s v="Real-Pers Prop Tax-Cap Leases"/>
    <s v="NORMAL MONTHLY AMORTIZATIONS"/>
    <s v="KY"/>
    <s v="12139"/>
    <n v="17139"/>
    <s v=" "/>
    <s v=" "/>
    <s v="FINAN"/>
    <s v="G0000180"/>
    <s v="920"/>
    <s v="V"/>
    <s v="FANANDA"/>
    <s v="655"/>
    <s v=" "/>
    <s v="P"/>
    <s v="2022-01-03-06.06.38.333575"/>
    <n v="44"/>
    <s v="ONB"/>
    <s v="S294989"/>
    <s v=" "/>
    <s v="REC"/>
    <s v="KYPCO KY 2021 LPP-KY180"/>
  </r>
  <r>
    <x v="0"/>
    <x v="1"/>
    <x v="36"/>
    <n v="1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1-31-06.25.16.708744"/>
    <n v="1"/>
    <s v="UPL"/>
    <s v="S293792"/>
    <s v=" "/>
    <s v="REC"/>
    <s v="KYPCO KY 2020 LRE-KY110"/>
  </r>
  <r>
    <x v="0"/>
    <x v="4"/>
    <x v="36"/>
    <n v="2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2-27-00.32.45.303118"/>
    <n v="1"/>
    <s v="UPL"/>
    <s v="S297197"/>
    <s v=" "/>
    <s v="REC"/>
    <s v="KYPCO KY 2021 LRE-KY110"/>
  </r>
  <r>
    <x v="0"/>
    <x v="6"/>
    <x v="16"/>
    <n v="3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3-31-12.31.46.449914"/>
    <n v="1"/>
    <s v="UPL"/>
    <s v="S304021"/>
    <s v=" "/>
    <s v="REC"/>
    <s v="KYPCO KY 2020 LRE-KY110"/>
  </r>
  <r>
    <x v="0"/>
    <x v="10"/>
    <x v="16"/>
    <n v="4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4-30-14.56.39.203831"/>
    <n v="1"/>
    <s v="UPL"/>
    <s v="S328159"/>
    <s v=" "/>
    <s v="REC"/>
    <s v="KYPCO KY 2020 LRE-KY110"/>
  </r>
  <r>
    <x v="0"/>
    <x v="12"/>
    <x v="16"/>
    <n v="5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5-28-15.28.55.906701"/>
    <n v="1"/>
    <s v="UPL"/>
    <s v="S296216"/>
    <s v=" "/>
    <s v="REC"/>
    <s v="KYPCO KY 2021 LRE-KY110"/>
  </r>
  <r>
    <x v="0"/>
    <x v="14"/>
    <x v="16"/>
    <n v="6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6-30-16.33.57.866803"/>
    <n v="1"/>
    <s v="UPL"/>
    <s v="S296208"/>
    <s v=" "/>
    <s v="REC"/>
    <s v="KYPCO KY 2021 LRE-KY110"/>
  </r>
  <r>
    <x v="0"/>
    <x v="17"/>
    <x v="16"/>
    <n v="7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7-30-13.11.32.443695"/>
    <n v="1"/>
    <s v="ONB"/>
    <s v="S294989"/>
    <s v=" "/>
    <s v="REC"/>
    <s v="KYPCO KY 2021 LRE-KY110"/>
  </r>
  <r>
    <x v="0"/>
    <x v="18"/>
    <x v="16"/>
    <n v="8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8-31-23.42.29.655247"/>
    <n v="1"/>
    <s v="ONB"/>
    <s v="S294989"/>
    <s v=" "/>
    <s v="REC"/>
    <s v="KYPCO KY 2021 LRE-KY110"/>
  </r>
  <r>
    <x v="0"/>
    <x v="19"/>
    <x v="16"/>
    <n v="9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10-01-07.48.31.607582"/>
    <n v="1"/>
    <s v="ONB"/>
    <s v="S294989"/>
    <s v=" "/>
    <s v="REC"/>
    <s v="KYPCO KY 2021 LRE-KY110"/>
  </r>
  <r>
    <x v="0"/>
    <x v="21"/>
    <x v="16"/>
    <n v="10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10-28-13.19.11.476127"/>
    <n v="1"/>
    <s v="ONB"/>
    <s v="S294989"/>
    <s v=" "/>
    <s v="REC"/>
    <s v="KYPCO KY 2021 LRE-KY110"/>
  </r>
  <r>
    <x v="0"/>
    <x v="22"/>
    <x v="16"/>
    <n v="11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11-29-12.19.03.170400"/>
    <n v="1"/>
    <s v="ONB"/>
    <s v="S294989"/>
    <s v=" "/>
    <s v="REC"/>
    <s v="KYPCO KY 2021 LRE-KY110"/>
  </r>
  <r>
    <x v="0"/>
    <x v="23"/>
    <x v="16"/>
    <n v="12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2-01-03-05.47.36.977376"/>
    <n v="1"/>
    <s v="ONB"/>
    <s v="S294989"/>
    <s v=" "/>
    <s v="REC"/>
    <s v="KYPCO KY 2021 LRE-KY110"/>
  </r>
  <r>
    <x v="0"/>
    <x v="51"/>
    <x v="16"/>
    <n v="12"/>
    <n v="2021"/>
    <x v="8"/>
    <s v="Real Prop Tax-Cap Leases"/>
    <s v="Year-end account clean up; acc"/>
    <s v="KY"/>
    <s v="12139"/>
    <n v="287.66000000000003"/>
    <s v=" "/>
    <s v=" "/>
    <s v="FINAN"/>
    <s v="G0000110"/>
    <s v="910"/>
    <s v="V"/>
    <s v="FANANDA"/>
    <s v="655"/>
    <s v=" "/>
    <s v="P"/>
    <s v="2022-01-06-11.19.13.649554"/>
    <n v="2"/>
    <s v="ONL"/>
    <s v="S337959"/>
    <s v=" "/>
    <s v="NONREC"/>
    <s v="KYPCo KY 2021 LRE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449C7E78-1977-4CF7-BC2E-4283DB0D46E8}" name="PivotTable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G42" firstHeaderRow="1" firstDataRow="2" firstDataCol="3"/>
  <pivotFields count="30">
    <pivotField axis="axisCol" showAll="0">
      <items count="4">
        <item x="0"/>
        <item x="1"/>
        <item x="2"/>
        <item t="default"/>
      </items>
    </pivotField>
    <pivotField axis="axisRow" numFmtId="14" outline="0" showAll="0" defaultSubtotal="0">
      <items count="14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</items>
    </pivotField>
    <pivotField axis="axisRow" outline="0" showAll="0" defaultSubtotal="0">
      <items count="37">
        <item h="1" x="8"/>
        <item h="1" x="35"/>
        <item h="1" x="34"/>
        <item h="1" x="33"/>
        <item h="1" x="24"/>
        <item h="1" x="32"/>
        <item h="1" x="21"/>
        <item h="1" x="22"/>
        <item h="1" x="28"/>
        <item h="1" x="26"/>
        <item h="1" x="10"/>
        <item h="1" x="11"/>
        <item h="1" x="12"/>
        <item h="1" x="13"/>
        <item h="1" x="14"/>
        <item h="1" x="15"/>
        <item h="1" x="1"/>
        <item h="1" x="3"/>
        <item h="1" x="5"/>
        <item h="1" x="6"/>
        <item h="1" x="7"/>
        <item h="1" x="9"/>
        <item h="1" x="27"/>
        <item h="1" x="29"/>
        <item h="1" x="19"/>
        <item h="1" x="20"/>
        <item h="1" x="23"/>
        <item h="1" x="25"/>
        <item h="1" x="31"/>
        <item x="16"/>
        <item h="1" x="17"/>
        <item h="1" x="36"/>
        <item x="4"/>
        <item h="1" x="2"/>
        <item h="1" x="0"/>
        <item x="18"/>
        <item h="1" x="30"/>
      </items>
    </pivotField>
    <pivotField showAll="0"/>
    <pivotField showAll="0"/>
    <pivotField axis="axisRow" outline="0" showAll="0">
      <items count="10">
        <item x="0"/>
        <item x="5"/>
        <item x="3"/>
        <item x="6"/>
        <item x="7"/>
        <item x="1"/>
        <item x="2"/>
        <item x="8"/>
        <item x="4"/>
        <item t="default"/>
      </items>
    </pivotField>
    <pivotField showAll="0"/>
    <pivotField showAll="0"/>
    <pivotField showAll="0"/>
    <pivotField showAll="0"/>
    <pivotField dataField="1"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>
      <items count="7">
        <item sd="0" x="0"/>
        <item sd="0" x="1"/>
        <item sd="0" x="2"/>
        <item sd="0" x="3"/>
        <item sd="0" x="4"/>
        <item sd="0" x="5"/>
        <item t="default"/>
      </items>
    </pivotField>
    <pivotField showAll="0">
      <items count="6">
        <item sd="0" x="0"/>
        <item sd="0" x="1"/>
        <item sd="0" x="2"/>
        <item sd="0" x="3"/>
        <item sd="0" x="4"/>
        <item t="default"/>
      </items>
    </pivotField>
  </pivotFields>
  <rowFields count="3">
    <field x="5"/>
    <field x="2"/>
    <field x="1"/>
  </rowFields>
  <rowItems count="38">
    <i>
      <x v="1"/>
      <x v="32"/>
      <x v="4"/>
    </i>
    <i r="2">
      <x v="5"/>
    </i>
    <i r="2">
      <x v="6"/>
    </i>
    <i r="2">
      <x v="7"/>
    </i>
    <i r="2">
      <x v="8"/>
    </i>
    <i r="2">
      <x v="9"/>
    </i>
    <i r="2">
      <x v="10"/>
    </i>
    <i r="2">
      <x v="11"/>
    </i>
    <i r="2">
      <x v="12"/>
    </i>
    <i t="default">
      <x v="1"/>
    </i>
    <i>
      <x v="2"/>
      <x v="32"/>
      <x v="1"/>
    </i>
    <i r="2">
      <x v="2"/>
    </i>
    <i r="2">
      <x v="3"/>
    </i>
    <i t="default">
      <x v="2"/>
    </i>
    <i>
      <x v="5"/>
      <x v="29"/>
      <x v="7"/>
    </i>
    <i r="1">
      <x v="32"/>
      <x v="1"/>
    </i>
    <i r="2">
      <x v="4"/>
    </i>
    <i r="2">
      <x v="5"/>
    </i>
    <i r="2">
      <x v="6"/>
    </i>
    <i r="2">
      <x v="7"/>
    </i>
    <i r="2">
      <x v="8"/>
    </i>
    <i r="2">
      <x v="9"/>
    </i>
    <i r="2">
      <x v="10"/>
    </i>
    <i r="2">
      <x v="11"/>
    </i>
    <i r="2">
      <x v="12"/>
    </i>
    <i t="default">
      <x v="5"/>
    </i>
    <i>
      <x v="8"/>
      <x v="29"/>
      <x v="4"/>
    </i>
    <i r="2">
      <x v="5"/>
    </i>
    <i r="2">
      <x v="6"/>
    </i>
    <i r="2">
      <x v="7"/>
    </i>
    <i r="2">
      <x v="8"/>
    </i>
    <i r="2">
      <x v="9"/>
    </i>
    <i r="2">
      <x v="10"/>
    </i>
    <i r="2">
      <x v="11"/>
    </i>
    <i r="2">
      <x v="12"/>
    </i>
    <i r="1">
      <x v="35"/>
      <x v="2"/>
    </i>
    <i t="default">
      <x v="8"/>
    </i>
    <i t="grand">
      <x/>
    </i>
  </rowItems>
  <colFields count="1">
    <field x="0"/>
  </colFields>
  <colItems count="4">
    <i>
      <x/>
    </i>
    <i>
      <x v="1"/>
    </i>
    <i>
      <x v="2"/>
    </i>
    <i t="grand">
      <x/>
    </i>
  </colItems>
  <dataFields count="1">
    <dataField name="Sum of Debit / (Credit)" fld="10" baseField="0" baseItem="0" numFmtId="43"/>
  </dataFields>
  <formats count="1">
    <format dxfId="0">
      <pivotArea outline="0" collapsedLevelsAreSubtotals="1" fieldPosition="0"/>
    </format>
  </formats>
  <pivotTableStyleInfo name="PivotStyleLight16" showRowHeaders="1" showColHeaders="1" showRowStripes="0" showColStripes="0" showLastColumn="1"/>
  <filters count="1">
    <filter fld="1" type="dateBetween" evalOrder="-1" id="1">
      <autoFilter ref="A1">
        <filterColumn colId="0">
          <customFilters and="1">
            <customFilter operator="greaterThanOrEqual" val="44652"/>
            <customFilter operator="lessThanOrEqual" val="45016"/>
          </customFilters>
        </filterColumn>
      </autoFilter>
    </filter>
  </filters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3.bin"/><Relationship Id="rId1" Type="http://schemas.openxmlformats.org/officeDocument/2006/relationships/pivotTable" Target="../pivotTables/pivotTable1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A6756B-B93B-47B7-A85F-14E6D46A3101}">
  <sheetPr codeName="Sheet4"/>
  <dimension ref="A1:G24"/>
  <sheetViews>
    <sheetView tabSelected="1" zoomScaleNormal="100" workbookViewId="0">
      <selection activeCell="B19" sqref="B19"/>
    </sheetView>
  </sheetViews>
  <sheetFormatPr defaultColWidth="9.1796875" defaultRowHeight="12.5"/>
  <cols>
    <col min="1" max="1" width="4.7265625" style="3" bestFit="1" customWidth="1"/>
    <col min="2" max="2" width="44.54296875" style="3" bestFit="1" customWidth="1"/>
    <col min="3" max="4" width="13.26953125" style="3" bestFit="1" customWidth="1"/>
    <col min="5" max="16384" width="9.1796875" style="3"/>
  </cols>
  <sheetData>
    <row r="1" spans="1:7" ht="14.5">
      <c r="A1" s="1" t="s">
        <v>0</v>
      </c>
      <c r="B1" s="2"/>
      <c r="C1" s="1"/>
      <c r="D1" s="1"/>
      <c r="G1" s="4"/>
    </row>
    <row r="2" spans="1:7" ht="14.5">
      <c r="A2" s="1" t="s">
        <v>1</v>
      </c>
      <c r="B2" s="2"/>
      <c r="C2" s="1"/>
      <c r="D2" s="1"/>
    </row>
    <row r="3" spans="1:7" ht="14.5">
      <c r="A3" s="1" t="s">
        <v>2</v>
      </c>
      <c r="B3" s="2"/>
      <c r="C3" s="1"/>
      <c r="D3" s="1"/>
    </row>
    <row r="4" spans="1:7" ht="13">
      <c r="A4" s="54" t="s">
        <v>3</v>
      </c>
      <c r="B4" s="55"/>
      <c r="C4" s="55"/>
      <c r="D4" s="55"/>
    </row>
    <row r="6" spans="1:7" ht="43.5">
      <c r="A6" s="5" t="s">
        <v>4</v>
      </c>
      <c r="B6" s="5" t="s">
        <v>5</v>
      </c>
      <c r="C6" s="6"/>
      <c r="D6" s="7" t="s">
        <v>6</v>
      </c>
    </row>
    <row r="7" spans="1:7" ht="43.5">
      <c r="A7" s="8">
        <v>1</v>
      </c>
      <c r="B7" s="9" t="s">
        <v>7</v>
      </c>
      <c r="C7" s="10"/>
      <c r="D7" s="10">
        <f>'Est. Tax Calc'!C31</f>
        <v>18211650.510000002</v>
      </c>
    </row>
    <row r="8" spans="1:7" ht="14.5">
      <c r="A8" s="11"/>
      <c r="B8" s="11"/>
      <c r="C8" s="10"/>
      <c r="D8" s="10"/>
    </row>
    <row r="9" spans="1:7" ht="43.5">
      <c r="A9" s="8">
        <v>2</v>
      </c>
      <c r="B9" s="12" t="s">
        <v>8</v>
      </c>
      <c r="C9" s="10"/>
      <c r="D9" s="13">
        <f>+Pivot!F48</f>
        <v>15587676.162499998</v>
      </c>
    </row>
    <row r="10" spans="1:7" ht="14.5">
      <c r="A10" s="11"/>
      <c r="B10" s="11"/>
      <c r="C10" s="10"/>
      <c r="D10" s="14"/>
    </row>
    <row r="11" spans="1:7" ht="14.5">
      <c r="A11" s="8">
        <v>3</v>
      </c>
      <c r="B11" s="11" t="s">
        <v>9</v>
      </c>
      <c r="C11" s="10"/>
      <c r="D11" s="10">
        <f>D7-D9</f>
        <v>2623974.3475000039</v>
      </c>
      <c r="E11" s="15"/>
    </row>
    <row r="12" spans="1:7">
      <c r="D12" s="16"/>
    </row>
    <row r="13" spans="1:7" ht="13" thickBot="1">
      <c r="B13" s="3" t="s">
        <v>10</v>
      </c>
      <c r="C13" s="3">
        <v>0.98599999999999999</v>
      </c>
      <c r="D13" s="17">
        <f>D11*C13</f>
        <v>2587238.7066350039</v>
      </c>
    </row>
    <row r="14" spans="1:7" ht="13" thickTop="1"/>
    <row r="16" spans="1:7">
      <c r="B16" s="3" t="s">
        <v>459</v>
      </c>
    </row>
    <row r="18" spans="4:6">
      <c r="D18" s="18"/>
      <c r="E18" s="19"/>
      <c r="F18" s="19"/>
    </row>
    <row r="19" spans="4:6">
      <c r="D19" s="18"/>
      <c r="E19" s="19"/>
      <c r="F19" s="19"/>
    </row>
    <row r="21" spans="4:6">
      <c r="D21" s="20"/>
    </row>
    <row r="23" spans="4:6">
      <c r="D23" s="20"/>
    </row>
    <row r="24" spans="4:6">
      <c r="D24" s="16"/>
    </row>
  </sheetData>
  <mergeCells count="1">
    <mergeCell ref="A4:D4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6E38B3D-E402-4149-8C3D-B0EAA0D36785}">
  <sheetPr codeName="Sheet5">
    <pageSetUpPr fitToPage="1"/>
  </sheetPr>
  <dimension ref="A1:G34"/>
  <sheetViews>
    <sheetView workbookViewId="0">
      <selection activeCell="C25" sqref="C25:D25"/>
    </sheetView>
  </sheetViews>
  <sheetFormatPr defaultColWidth="9.1796875" defaultRowHeight="12.5"/>
  <cols>
    <col min="1" max="1" width="27" style="3" bestFit="1" customWidth="1"/>
    <col min="2" max="2" width="13.1796875" style="3" customWidth="1"/>
    <col min="3" max="3" width="12.7265625" style="3" bestFit="1" customWidth="1"/>
    <col min="4" max="4" width="63.7265625" style="3" customWidth="1"/>
    <col min="5" max="5" width="9.1796875" style="3"/>
    <col min="6" max="6" width="13.81640625" style="3" bestFit="1" customWidth="1"/>
    <col min="7" max="7" width="11.1796875" style="3" bestFit="1" customWidth="1"/>
    <col min="8" max="16384" width="9.1796875" style="3"/>
  </cols>
  <sheetData>
    <row r="1" spans="1:7" ht="13" thickBot="1"/>
    <row r="2" spans="1:7" ht="14.5">
      <c r="A2" s="21" t="s">
        <v>11</v>
      </c>
      <c r="B2" s="22"/>
      <c r="C2" s="23"/>
      <c r="D2" s="24"/>
    </row>
    <row r="3" spans="1:7" ht="15" thickBot="1">
      <c r="A3" s="25"/>
      <c r="B3" s="26">
        <v>44561</v>
      </c>
      <c r="C3" s="26">
        <v>44926</v>
      </c>
      <c r="D3" s="27"/>
    </row>
    <row r="4" spans="1:7" ht="14.5">
      <c r="A4" s="28" t="s">
        <v>12</v>
      </c>
      <c r="B4" s="20"/>
      <c r="C4" s="29">
        <v>18429439.060000002</v>
      </c>
      <c r="D4" s="30" t="s">
        <v>13</v>
      </c>
      <c r="F4" s="16"/>
    </row>
    <row r="5" spans="1:7" ht="14.5">
      <c r="A5" s="31" t="s">
        <v>14</v>
      </c>
      <c r="B5" s="20"/>
      <c r="C5" s="29">
        <f>+Pivot!E14+Pivot!E18</f>
        <v>760780</v>
      </c>
      <c r="D5" s="27" t="s">
        <v>15</v>
      </c>
    </row>
    <row r="6" spans="1:7" ht="14.5">
      <c r="A6" s="28" t="s">
        <v>16</v>
      </c>
      <c r="B6" s="32"/>
      <c r="C6" s="32">
        <f>C4-C5</f>
        <v>17668659.060000002</v>
      </c>
      <c r="D6" s="33" t="s">
        <v>17</v>
      </c>
    </row>
    <row r="7" spans="1:7" ht="14.5">
      <c r="A7" s="31" t="s">
        <v>18</v>
      </c>
      <c r="B7" s="10"/>
      <c r="C7" s="10">
        <f>C6/12</f>
        <v>1472388.2550000001</v>
      </c>
      <c r="D7" s="34" t="s">
        <v>18</v>
      </c>
      <c r="F7" s="16"/>
    </row>
    <row r="8" spans="1:7" ht="29">
      <c r="A8" s="35" t="s">
        <v>19</v>
      </c>
      <c r="B8" s="10">
        <f>+Pivot!D14+Pivot!F14</f>
        <v>11213820</v>
      </c>
      <c r="C8" s="10">
        <f>+Pivot!D18+Pivot!F18</f>
        <v>3923271</v>
      </c>
      <c r="D8" s="36" t="s">
        <v>20</v>
      </c>
      <c r="F8" s="16"/>
      <c r="G8" s="20"/>
    </row>
    <row r="9" spans="1:7" ht="15" thickBot="1">
      <c r="A9" s="37"/>
      <c r="B9" s="38"/>
      <c r="C9" s="57">
        <f>B8+C8</f>
        <v>15137091</v>
      </c>
      <c r="D9" s="58" t="s">
        <v>21</v>
      </c>
      <c r="G9" s="20"/>
    </row>
    <row r="10" spans="1:7" ht="15" thickBot="1">
      <c r="A10" s="11"/>
      <c r="B10" s="10"/>
      <c r="C10" s="10"/>
      <c r="D10" s="11"/>
    </row>
    <row r="11" spans="1:7" ht="14.5">
      <c r="A11" s="21" t="s">
        <v>22</v>
      </c>
      <c r="B11" s="39"/>
      <c r="C11" s="39"/>
      <c r="D11" s="24"/>
    </row>
    <row r="12" spans="1:7" ht="15" thickBot="1">
      <c r="A12" s="25"/>
      <c r="B12" s="26">
        <f>$B$3</f>
        <v>44561</v>
      </c>
      <c r="C12" s="26">
        <f>$C$3</f>
        <v>44926</v>
      </c>
      <c r="D12" s="27"/>
    </row>
    <row r="13" spans="1:7" ht="14.5">
      <c r="A13" s="31" t="str">
        <f>$A$4</f>
        <v>KY Total Expense Amount</v>
      </c>
      <c r="B13" s="10"/>
      <c r="C13" s="40">
        <v>540499.44999999995</v>
      </c>
      <c r="D13" s="30" t="s">
        <v>23</v>
      </c>
    </row>
    <row r="14" spans="1:7" ht="14.5">
      <c r="A14" s="31" t="s">
        <v>14</v>
      </c>
      <c r="B14" s="10"/>
      <c r="C14" s="40">
        <f>+Pivot!E30</f>
        <v>11108</v>
      </c>
      <c r="D14" s="27" t="s">
        <v>15</v>
      </c>
    </row>
    <row r="15" spans="1:7" ht="14.5">
      <c r="A15" s="28" t="str">
        <f>A6</f>
        <v>TY2022 Expense Amt Total</v>
      </c>
      <c r="B15" s="32"/>
      <c r="C15" s="32">
        <f>C13-C14</f>
        <v>529391.44999999995</v>
      </c>
      <c r="D15" s="33" t="str">
        <f>D6</f>
        <v>TY2020 Expense Amt Total</v>
      </c>
    </row>
    <row r="16" spans="1:7" ht="14.5">
      <c r="A16" s="31" t="s">
        <v>18</v>
      </c>
      <c r="B16" s="10"/>
      <c r="C16" s="10">
        <f>C15/12</f>
        <v>44115.954166666663</v>
      </c>
      <c r="D16" s="34" t="s">
        <v>18</v>
      </c>
      <c r="F16" s="20"/>
    </row>
    <row r="17" spans="1:6" ht="29">
      <c r="A17" s="41" t="str">
        <f>$A$8</f>
        <v>Apr-Dec 202 KY T&amp;D
(plus adjs)</v>
      </c>
      <c r="B17" s="10">
        <f>+Pivot!D30+Pivot!F30</f>
        <v>438395.33</v>
      </c>
      <c r="C17" s="10">
        <v>0</v>
      </c>
      <c r="D17" s="42" t="str">
        <f>$D$8</f>
        <v>Jan-Mar 2023 KY T&amp;D</v>
      </c>
      <c r="F17" s="20"/>
    </row>
    <row r="18" spans="1:6" ht="15" thickBot="1">
      <c r="A18" s="37"/>
      <c r="B18" s="38"/>
      <c r="C18" s="57">
        <f>B17+C17</f>
        <v>438395.33</v>
      </c>
      <c r="D18" s="58" t="str">
        <f>D9</f>
        <v>Total KY Def Amt for Period Ending 12/31/2022</v>
      </c>
      <c r="F18" s="20"/>
    </row>
    <row r="19" spans="1:6" ht="15" thickBot="1">
      <c r="A19" s="11"/>
      <c r="B19" s="10"/>
      <c r="C19" s="10"/>
      <c r="D19" s="11"/>
      <c r="F19" s="20"/>
    </row>
    <row r="20" spans="1:6" ht="14.5">
      <c r="A20" s="21" t="s">
        <v>24</v>
      </c>
      <c r="B20" s="39"/>
      <c r="C20" s="39"/>
      <c r="D20" s="24"/>
    </row>
    <row r="21" spans="1:6" ht="15" thickBot="1">
      <c r="A21" s="25"/>
      <c r="B21" s="26">
        <f>$B$3</f>
        <v>44561</v>
      </c>
      <c r="C21" s="26">
        <f>$C$3</f>
        <v>44926</v>
      </c>
      <c r="D21" s="27"/>
    </row>
    <row r="22" spans="1:6" ht="14.5">
      <c r="A22" s="31" t="s">
        <v>25</v>
      </c>
      <c r="B22" s="10"/>
      <c r="C22" s="40">
        <v>13600</v>
      </c>
      <c r="D22" s="27" t="s">
        <v>26</v>
      </c>
    </row>
    <row r="23" spans="1:6" ht="14.5">
      <c r="A23" s="31" t="s">
        <v>18</v>
      </c>
      <c r="B23" s="10"/>
      <c r="C23" s="10">
        <f>C22/12</f>
        <v>1133.3333333333333</v>
      </c>
      <c r="D23" s="34" t="s">
        <v>18</v>
      </c>
      <c r="F23" s="20"/>
    </row>
    <row r="24" spans="1:6" ht="29">
      <c r="A24" s="41" t="str">
        <f>$A$8</f>
        <v>Apr-Dec 202 KY T&amp;D
(plus adjs)</v>
      </c>
      <c r="B24" s="10">
        <f>+Pivot!D41</f>
        <v>10210</v>
      </c>
      <c r="C24" s="10">
        <v>0</v>
      </c>
      <c r="D24" s="42" t="str">
        <f>$D$8</f>
        <v>Jan-Mar 2023 KY T&amp;D</v>
      </c>
    </row>
    <row r="25" spans="1:6" ht="15" thickBot="1">
      <c r="A25" s="37"/>
      <c r="B25" s="38"/>
      <c r="C25" s="57">
        <f>C24+B24</f>
        <v>10210</v>
      </c>
      <c r="D25" s="58" t="str">
        <f>D9</f>
        <v>Total KY Def Amt for Period Ending 12/31/2022</v>
      </c>
    </row>
    <row r="26" spans="1:6" ht="13" thickBot="1">
      <c r="C26" s="43">
        <f>C25+C18+C9</f>
        <v>15585696.33</v>
      </c>
      <c r="D26" s="4" t="s">
        <v>27</v>
      </c>
    </row>
    <row r="27" spans="1:6">
      <c r="C27" s="20"/>
      <c r="D27" s="4"/>
    </row>
    <row r="28" spans="1:6" ht="14.5">
      <c r="A28" s="44" t="s">
        <v>28</v>
      </c>
      <c r="B28" s="44"/>
      <c r="C28" s="10">
        <f>C6+C15+C22</f>
        <v>18211650.510000002</v>
      </c>
      <c r="D28" s="45" t="s">
        <v>29</v>
      </c>
    </row>
    <row r="29" spans="1:6">
      <c r="A29" s="46" t="s">
        <v>30</v>
      </c>
      <c r="B29" s="46"/>
      <c r="C29" s="20"/>
    </row>
    <row r="30" spans="1:6" ht="14.5">
      <c r="A30" s="4" t="s">
        <v>31</v>
      </c>
      <c r="B30" s="4"/>
      <c r="C30" s="10">
        <v>0</v>
      </c>
      <c r="D30" s="4" t="s">
        <v>32</v>
      </c>
    </row>
    <row r="31" spans="1:6" ht="13" thickBot="1">
      <c r="A31" s="4" t="s">
        <v>33</v>
      </c>
      <c r="B31" s="4"/>
      <c r="C31" s="47">
        <f>C30+C28</f>
        <v>18211650.510000002</v>
      </c>
      <c r="D31" s="4" t="s">
        <v>34</v>
      </c>
    </row>
    <row r="32" spans="1:6" ht="13" thickTop="1">
      <c r="A32" s="4"/>
      <c r="B32" s="4"/>
      <c r="C32" s="20"/>
    </row>
    <row r="34" spans="3:3">
      <c r="C34" s="16"/>
    </row>
  </sheetData>
  <pageMargins left="0.7" right="0.7" top="0.75" bottom="0.75" header="0.3" footer="0.3"/>
  <pageSetup scale="7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3A6045-E36C-4BED-8ADC-565D1A4211B2}">
  <sheetPr codeName="Sheet6"/>
  <dimension ref="A3:G49"/>
  <sheetViews>
    <sheetView topLeftCell="A13" workbookViewId="0">
      <selection activeCell="F43" sqref="F43"/>
    </sheetView>
  </sheetViews>
  <sheetFormatPr defaultColWidth="9.1796875" defaultRowHeight="14.5"/>
  <cols>
    <col min="1" max="1" width="21.453125" style="11" bestFit="1" customWidth="1"/>
    <col min="2" max="2" width="12.81640625" style="11" bestFit="1" customWidth="1"/>
    <col min="3" max="3" width="9.54296875" style="11" bestFit="1" customWidth="1"/>
    <col min="4" max="4" width="16.453125" style="11" bestFit="1" customWidth="1"/>
    <col min="5" max="5" width="11.54296875" style="11" bestFit="1" customWidth="1"/>
    <col min="6" max="7" width="14.26953125" style="11" bestFit="1" customWidth="1"/>
    <col min="8" max="16384" width="9.1796875" style="11"/>
  </cols>
  <sheetData>
    <row r="3" spans="1:7">
      <c r="A3" s="11" t="s">
        <v>35</v>
      </c>
      <c r="D3" s="11" t="s">
        <v>36</v>
      </c>
    </row>
    <row r="4" spans="1:7">
      <c r="A4" s="11" t="s">
        <v>37</v>
      </c>
      <c r="B4" s="11" t="s">
        <v>38</v>
      </c>
      <c r="C4" s="11" t="s">
        <v>39</v>
      </c>
      <c r="D4" s="11" t="s">
        <v>40</v>
      </c>
      <c r="E4" s="11" t="s">
        <v>41</v>
      </c>
      <c r="F4" s="11" t="s">
        <v>42</v>
      </c>
      <c r="G4" s="11" t="s">
        <v>43</v>
      </c>
    </row>
    <row r="5" spans="1:7">
      <c r="A5" s="11" t="s">
        <v>44</v>
      </c>
      <c r="B5" s="11" t="s">
        <v>45</v>
      </c>
      <c r="C5" s="48" t="s">
        <v>46</v>
      </c>
      <c r="D5" s="49">
        <v>827136</v>
      </c>
      <c r="E5" s="49">
        <v>30628</v>
      </c>
      <c r="F5" s="49">
        <v>418845</v>
      </c>
      <c r="G5" s="49">
        <v>1276609</v>
      </c>
    </row>
    <row r="6" spans="1:7">
      <c r="C6" s="48" t="s">
        <v>47</v>
      </c>
      <c r="D6" s="49">
        <v>827136</v>
      </c>
      <c r="E6" s="49">
        <v>30628</v>
      </c>
      <c r="F6" s="49">
        <v>418845</v>
      </c>
      <c r="G6" s="49">
        <v>1276609</v>
      </c>
    </row>
    <row r="7" spans="1:7">
      <c r="C7" s="48" t="s">
        <v>48</v>
      </c>
      <c r="D7" s="49">
        <v>827136</v>
      </c>
      <c r="E7" s="49">
        <v>30628</v>
      </c>
      <c r="F7" s="49">
        <v>418845</v>
      </c>
      <c r="G7" s="49">
        <v>1276609</v>
      </c>
    </row>
    <row r="8" spans="1:7">
      <c r="C8" s="48" t="s">
        <v>49</v>
      </c>
      <c r="D8" s="49">
        <v>827136</v>
      </c>
      <c r="E8" s="49">
        <v>30628</v>
      </c>
      <c r="F8" s="49">
        <v>418845</v>
      </c>
      <c r="G8" s="49">
        <v>1276609</v>
      </c>
    </row>
    <row r="9" spans="1:7">
      <c r="C9" s="48" t="s">
        <v>50</v>
      </c>
      <c r="D9" s="49">
        <v>827136</v>
      </c>
      <c r="E9" s="49">
        <v>30628</v>
      </c>
      <c r="F9" s="49">
        <v>418845</v>
      </c>
      <c r="G9" s="49">
        <v>1276609</v>
      </c>
    </row>
    <row r="10" spans="1:7">
      <c r="C10" s="48" t="s">
        <v>51</v>
      </c>
      <c r="D10" s="49">
        <v>827136</v>
      </c>
      <c r="E10" s="49">
        <v>30628</v>
      </c>
      <c r="F10" s="49">
        <v>418845</v>
      </c>
      <c r="G10" s="49">
        <v>1276609</v>
      </c>
    </row>
    <row r="11" spans="1:7">
      <c r="C11" s="48" t="s">
        <v>52</v>
      </c>
      <c r="D11" s="49">
        <v>827136</v>
      </c>
      <c r="E11" s="49">
        <v>30628</v>
      </c>
      <c r="F11" s="49">
        <v>418845</v>
      </c>
      <c r="G11" s="49">
        <v>1276609</v>
      </c>
    </row>
    <row r="12" spans="1:7">
      <c r="C12" s="48" t="s">
        <v>53</v>
      </c>
      <c r="D12" s="49">
        <v>827136</v>
      </c>
      <c r="E12" s="49">
        <v>30628</v>
      </c>
      <c r="F12" s="49">
        <v>418845</v>
      </c>
      <c r="G12" s="49">
        <v>1276609</v>
      </c>
    </row>
    <row r="13" spans="1:7">
      <c r="C13" s="48" t="s">
        <v>54</v>
      </c>
      <c r="D13" s="49">
        <v>827126.88</v>
      </c>
      <c r="E13" s="49">
        <v>30629</v>
      </c>
      <c r="F13" s="49">
        <v>418845.12</v>
      </c>
      <c r="G13" s="49">
        <v>1276601</v>
      </c>
    </row>
    <row r="14" spans="1:7">
      <c r="A14" s="11" t="s">
        <v>55</v>
      </c>
      <c r="D14" s="49">
        <v>7444214.8799999999</v>
      </c>
      <c r="E14" s="49">
        <v>275653</v>
      </c>
      <c r="F14" s="49">
        <v>3769605.12</v>
      </c>
      <c r="G14" s="49">
        <v>11489473</v>
      </c>
    </row>
    <row r="15" spans="1:7">
      <c r="A15" s="11" t="s">
        <v>56</v>
      </c>
      <c r="B15" s="11" t="s">
        <v>45</v>
      </c>
      <c r="C15" s="48" t="s">
        <v>57</v>
      </c>
      <c r="D15" s="49">
        <v>804756</v>
      </c>
      <c r="E15" s="49">
        <v>161709</v>
      </c>
      <c r="F15" s="49">
        <v>503001</v>
      </c>
      <c r="G15" s="49">
        <v>1469466</v>
      </c>
    </row>
    <row r="16" spans="1:7">
      <c r="C16" s="48" t="s">
        <v>58</v>
      </c>
      <c r="D16" s="49">
        <v>804756</v>
      </c>
      <c r="E16" s="49">
        <v>161709</v>
      </c>
      <c r="F16" s="49">
        <v>503001</v>
      </c>
      <c r="G16" s="49">
        <v>1469466</v>
      </c>
    </row>
    <row r="17" spans="1:7">
      <c r="C17" s="48" t="s">
        <v>59</v>
      </c>
      <c r="D17" s="49">
        <v>804756</v>
      </c>
      <c r="E17" s="49">
        <v>161709</v>
      </c>
      <c r="F17" s="49">
        <v>503001</v>
      </c>
      <c r="G17" s="49">
        <v>1469466</v>
      </c>
    </row>
    <row r="18" spans="1:7">
      <c r="A18" s="11" t="s">
        <v>60</v>
      </c>
      <c r="D18" s="49">
        <v>2414268</v>
      </c>
      <c r="E18" s="49">
        <v>485127</v>
      </c>
      <c r="F18" s="49">
        <v>1509003</v>
      </c>
      <c r="G18" s="49">
        <v>4408398</v>
      </c>
    </row>
    <row r="19" spans="1:7">
      <c r="A19" s="11" t="s">
        <v>61</v>
      </c>
      <c r="B19" s="11" t="s">
        <v>62</v>
      </c>
      <c r="C19" s="48" t="s">
        <v>49</v>
      </c>
      <c r="D19" s="49">
        <v>7910.33</v>
      </c>
      <c r="E19" s="49"/>
      <c r="F19" s="49"/>
      <c r="G19" s="49">
        <v>7910.33</v>
      </c>
    </row>
    <row r="20" spans="1:7">
      <c r="B20" s="11" t="s">
        <v>45</v>
      </c>
      <c r="C20" s="48" t="s">
        <v>57</v>
      </c>
      <c r="D20" s="49">
        <v>44695</v>
      </c>
      <c r="E20" s="49">
        <v>1509</v>
      </c>
      <c r="F20" s="49">
        <v>1113</v>
      </c>
      <c r="G20" s="49">
        <v>47317</v>
      </c>
    </row>
    <row r="21" spans="1:7">
      <c r="C21" s="48" t="s">
        <v>46</v>
      </c>
      <c r="D21" s="49">
        <v>23040</v>
      </c>
      <c r="E21" s="49">
        <v>1066</v>
      </c>
      <c r="F21" s="49">
        <v>19702</v>
      </c>
      <c r="G21" s="49">
        <v>43808</v>
      </c>
    </row>
    <row r="22" spans="1:7">
      <c r="C22" s="48" t="s">
        <v>47</v>
      </c>
      <c r="D22" s="49">
        <v>23040</v>
      </c>
      <c r="E22" s="49">
        <v>1066</v>
      </c>
      <c r="F22" s="49">
        <v>19702</v>
      </c>
      <c r="G22" s="49">
        <v>43808</v>
      </c>
    </row>
    <row r="23" spans="1:7">
      <c r="C23" s="48" t="s">
        <v>48</v>
      </c>
      <c r="D23" s="49">
        <v>23040</v>
      </c>
      <c r="E23" s="49">
        <v>1066</v>
      </c>
      <c r="F23" s="49">
        <v>19702</v>
      </c>
      <c r="G23" s="49">
        <v>43808</v>
      </c>
    </row>
    <row r="24" spans="1:7">
      <c r="C24" s="48" t="s">
        <v>49</v>
      </c>
      <c r="D24" s="49">
        <v>23040</v>
      </c>
      <c r="E24" s="49">
        <v>1066</v>
      </c>
      <c r="F24" s="49">
        <v>19702</v>
      </c>
      <c r="G24" s="49">
        <v>43808</v>
      </c>
    </row>
    <row r="25" spans="1:7">
      <c r="C25" s="48" t="s">
        <v>50</v>
      </c>
      <c r="D25" s="49">
        <v>23040</v>
      </c>
      <c r="E25" s="49">
        <v>1066</v>
      </c>
      <c r="F25" s="49">
        <v>19702</v>
      </c>
      <c r="G25" s="49">
        <v>43808</v>
      </c>
    </row>
    <row r="26" spans="1:7">
      <c r="C26" s="48" t="s">
        <v>51</v>
      </c>
      <c r="D26" s="49">
        <v>23040</v>
      </c>
      <c r="E26" s="49">
        <v>1066</v>
      </c>
      <c r="F26" s="49">
        <v>19702</v>
      </c>
      <c r="G26" s="49">
        <v>43808</v>
      </c>
    </row>
    <row r="27" spans="1:7">
      <c r="C27" s="48" t="s">
        <v>52</v>
      </c>
      <c r="D27" s="49">
        <v>23040</v>
      </c>
      <c r="E27" s="49">
        <v>1066</v>
      </c>
      <c r="F27" s="49">
        <v>19702</v>
      </c>
      <c r="G27" s="49">
        <v>43808</v>
      </c>
    </row>
    <row r="28" spans="1:7">
      <c r="C28" s="48" t="s">
        <v>53</v>
      </c>
      <c r="D28" s="49">
        <v>23040</v>
      </c>
      <c r="E28" s="49">
        <v>1066</v>
      </c>
      <c r="F28" s="49">
        <v>19702</v>
      </c>
      <c r="G28" s="49">
        <v>43808</v>
      </c>
    </row>
    <row r="29" spans="1:7">
      <c r="C29" s="48" t="s">
        <v>54</v>
      </c>
      <c r="D29" s="49">
        <v>23038</v>
      </c>
      <c r="E29" s="49">
        <v>1071</v>
      </c>
      <c r="F29" s="49">
        <v>19703</v>
      </c>
      <c r="G29" s="49">
        <v>43812</v>
      </c>
    </row>
    <row r="30" spans="1:7">
      <c r="A30" s="11" t="s">
        <v>63</v>
      </c>
      <c r="D30" s="49">
        <v>259963.33000000002</v>
      </c>
      <c r="E30" s="49">
        <v>11108</v>
      </c>
      <c r="F30" s="49">
        <v>178432</v>
      </c>
      <c r="G30" s="49">
        <v>449503.33</v>
      </c>
    </row>
    <row r="31" spans="1:7">
      <c r="A31" s="11" t="s">
        <v>64</v>
      </c>
      <c r="B31" s="11" t="s">
        <v>62</v>
      </c>
      <c r="C31" s="48" t="s">
        <v>46</v>
      </c>
      <c r="D31" s="49">
        <v>1133</v>
      </c>
      <c r="E31" s="49"/>
      <c r="F31" s="49"/>
      <c r="G31" s="49">
        <v>1133</v>
      </c>
    </row>
    <row r="32" spans="1:7">
      <c r="C32" s="48" t="s">
        <v>47</v>
      </c>
      <c r="D32" s="49">
        <v>1133</v>
      </c>
      <c r="E32" s="49"/>
      <c r="F32" s="49"/>
      <c r="G32" s="49">
        <v>1133</v>
      </c>
    </row>
    <row r="33" spans="1:7">
      <c r="C33" s="48" t="s">
        <v>48</v>
      </c>
      <c r="D33" s="49">
        <v>1133</v>
      </c>
      <c r="E33" s="49"/>
      <c r="F33" s="49"/>
      <c r="G33" s="49">
        <v>1133</v>
      </c>
    </row>
    <row r="34" spans="1:7">
      <c r="C34" s="48" t="s">
        <v>49</v>
      </c>
      <c r="D34" s="49">
        <v>1133</v>
      </c>
      <c r="E34" s="49"/>
      <c r="F34" s="49"/>
      <c r="G34" s="49">
        <v>1133</v>
      </c>
    </row>
    <row r="35" spans="1:7">
      <c r="C35" s="48" t="s">
        <v>50</v>
      </c>
      <c r="D35" s="49">
        <v>1133</v>
      </c>
      <c r="E35" s="49"/>
      <c r="F35" s="49"/>
      <c r="G35" s="49">
        <v>1133</v>
      </c>
    </row>
    <row r="36" spans="1:7">
      <c r="C36" s="48" t="s">
        <v>51</v>
      </c>
      <c r="D36" s="49">
        <v>1133</v>
      </c>
      <c r="E36" s="49"/>
      <c r="F36" s="49"/>
      <c r="G36" s="49">
        <v>1133</v>
      </c>
    </row>
    <row r="37" spans="1:7">
      <c r="C37" s="48" t="s">
        <v>52</v>
      </c>
      <c r="D37" s="49">
        <v>1133</v>
      </c>
      <c r="E37" s="49"/>
      <c r="F37" s="49"/>
      <c r="G37" s="49">
        <v>1133</v>
      </c>
    </row>
    <row r="38" spans="1:7">
      <c r="C38" s="48" t="s">
        <v>53</v>
      </c>
      <c r="D38" s="49">
        <v>1133</v>
      </c>
      <c r="E38" s="49"/>
      <c r="F38" s="49"/>
      <c r="G38" s="49">
        <v>1133</v>
      </c>
    </row>
    <row r="39" spans="1:7">
      <c r="C39" s="48" t="s">
        <v>54</v>
      </c>
      <c r="D39" s="49">
        <v>1137</v>
      </c>
      <c r="E39" s="49"/>
      <c r="F39" s="49"/>
      <c r="G39" s="49">
        <v>1137</v>
      </c>
    </row>
    <row r="40" spans="1:7">
      <c r="B40" s="11" t="s">
        <v>65</v>
      </c>
      <c r="C40" s="48" t="s">
        <v>58</v>
      </c>
      <c r="D40" s="49">
        <v>9</v>
      </c>
      <c r="E40" s="49"/>
      <c r="F40" s="49"/>
      <c r="G40" s="49">
        <v>9</v>
      </c>
    </row>
    <row r="41" spans="1:7">
      <c r="A41" s="11" t="s">
        <v>66</v>
      </c>
      <c r="D41" s="49">
        <v>10210</v>
      </c>
      <c r="E41" s="49"/>
      <c r="F41" s="49"/>
      <c r="G41" s="49">
        <v>10210</v>
      </c>
    </row>
    <row r="42" spans="1:7">
      <c r="A42" s="11" t="s">
        <v>43</v>
      </c>
      <c r="D42" s="49">
        <v>10128656.209999999</v>
      </c>
      <c r="E42" s="49">
        <v>771888</v>
      </c>
      <c r="F42" s="49">
        <v>5457040.1200000001</v>
      </c>
      <c r="G42" s="49">
        <v>16357584.33</v>
      </c>
    </row>
    <row r="43" spans="1:7">
      <c r="F43" s="56">
        <f>+D42+F42</f>
        <v>15585696.329999998</v>
      </c>
    </row>
    <row r="45" spans="1:7">
      <c r="C45" s="50" t="s">
        <v>67</v>
      </c>
      <c r="D45" s="51">
        <f>+D19+D40</f>
        <v>7919.33</v>
      </c>
      <c r="F45" s="51">
        <v>0</v>
      </c>
      <c r="G45" s="52">
        <f>SUM(D45:F45)</f>
        <v>7919.33</v>
      </c>
    </row>
    <row r="46" spans="1:7">
      <c r="C46" s="50" t="s">
        <v>68</v>
      </c>
      <c r="D46" s="52">
        <f>-D45*9/12</f>
        <v>-5939.4975000000004</v>
      </c>
      <c r="F46" s="52">
        <f>-F45*9/12</f>
        <v>0</v>
      </c>
      <c r="G46" s="52">
        <f>SUM(D46:F46)</f>
        <v>-5939.4975000000004</v>
      </c>
    </row>
    <row r="47" spans="1:7">
      <c r="C47" s="50" t="s">
        <v>69</v>
      </c>
      <c r="D47" s="52">
        <f>D42+D45+D46</f>
        <v>10130636.042499999</v>
      </c>
      <c r="F47" s="52">
        <f>F42+F45+F46</f>
        <v>5457040.1200000001</v>
      </c>
      <c r="G47" s="52">
        <f>G45+G46</f>
        <v>1979.8324999999995</v>
      </c>
    </row>
    <row r="48" spans="1:7" ht="15" thickBot="1">
      <c r="F48" s="53">
        <f>F47+D47</f>
        <v>15587676.162499998</v>
      </c>
    </row>
    <row r="49" ht="15" thickTop="1"/>
  </sheetData>
  <pageMargins left="0.7" right="0.7" top="0.75" bottom="0.75" header="0.3" footer="0.3"/>
  <pageSetup orientation="portrait"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28A8915-5886-48A1-9646-7C76E065B995}">
  <sheetPr codeName="Sheet7"/>
  <dimension ref="A1:AB312"/>
  <sheetViews>
    <sheetView workbookViewId="0">
      <selection activeCell="D9" sqref="D9"/>
    </sheetView>
  </sheetViews>
  <sheetFormatPr defaultColWidth="9.1796875" defaultRowHeight="14.5"/>
  <cols>
    <col min="1" max="1" width="10" style="11" bestFit="1" customWidth="1"/>
    <col min="2" max="2" width="24.7265625" style="11" bestFit="1" customWidth="1"/>
    <col min="3" max="3" width="12.26953125" style="11" bestFit="1" customWidth="1"/>
    <col min="4" max="4" width="20.81640625" style="11" bestFit="1" customWidth="1"/>
    <col min="5" max="5" width="10.7265625" style="11" bestFit="1" customWidth="1"/>
    <col min="6" max="6" width="25.26953125" style="11" bestFit="1" customWidth="1"/>
    <col min="7" max="7" width="12" style="11" bestFit="1" customWidth="1"/>
    <col min="8" max="8" width="8.54296875" style="11" bestFit="1" customWidth="1"/>
    <col min="9" max="9" width="19.81640625" style="11" bestFit="1" customWidth="1"/>
    <col min="10" max="10" width="33.1796875" style="11" bestFit="1" customWidth="1"/>
    <col min="11" max="11" width="31" style="11" bestFit="1" customWidth="1"/>
    <col min="12" max="12" width="10" style="11" bestFit="1" customWidth="1"/>
    <col min="13" max="13" width="28.26953125" style="11" bestFit="1" customWidth="1"/>
    <col min="14" max="14" width="20.453125" style="11" bestFit="1" customWidth="1"/>
    <col min="15" max="15" width="7.26953125" style="11" bestFit="1" customWidth="1"/>
    <col min="16" max="16" width="16.7265625" style="11" bestFit="1" customWidth="1"/>
    <col min="17" max="17" width="9.453125" style="11" bestFit="1" customWidth="1"/>
    <col min="18" max="18" width="9.54296875" style="11" bestFit="1" customWidth="1"/>
    <col min="19" max="19" width="18.26953125" style="11" bestFit="1" customWidth="1"/>
    <col min="20" max="20" width="11.7265625" style="11" bestFit="1" customWidth="1"/>
    <col min="21" max="21" width="15.453125" style="11" bestFit="1" customWidth="1"/>
    <col min="22" max="22" width="11.453125" style="11" bestFit="1" customWidth="1"/>
    <col min="23" max="23" width="20.7265625" style="11" bestFit="1" customWidth="1"/>
    <col min="24" max="24" width="12.54296875" style="11" bestFit="1" customWidth="1"/>
    <col min="25" max="25" width="8" style="11" bestFit="1" customWidth="1"/>
    <col min="26" max="26" width="9" style="11" bestFit="1" customWidth="1"/>
    <col min="27" max="27" width="12.54296875" style="11" bestFit="1" customWidth="1"/>
    <col min="28" max="28" width="14.7265625" style="11" bestFit="1" customWidth="1"/>
    <col min="29" max="16384" width="9.1796875" style="11"/>
  </cols>
  <sheetData>
    <row r="1" spans="1:28">
      <c r="A1" s="11" t="s">
        <v>70</v>
      </c>
      <c r="B1" s="11" t="s">
        <v>39</v>
      </c>
      <c r="C1" s="11" t="s">
        <v>38</v>
      </c>
      <c r="D1" s="11" t="s">
        <v>71</v>
      </c>
      <c r="E1" s="11" t="s">
        <v>72</v>
      </c>
      <c r="F1" s="11" t="s">
        <v>73</v>
      </c>
      <c r="G1" s="11" t="s">
        <v>74</v>
      </c>
      <c r="H1" s="11" t="s">
        <v>75</v>
      </c>
      <c r="I1" s="11" t="s">
        <v>76</v>
      </c>
      <c r="J1" s="11" t="s">
        <v>77</v>
      </c>
      <c r="K1" s="11" t="s">
        <v>78</v>
      </c>
      <c r="L1" s="11" t="s">
        <v>79</v>
      </c>
      <c r="M1" s="11" t="s">
        <v>80</v>
      </c>
      <c r="N1" s="11" t="s">
        <v>81</v>
      </c>
      <c r="O1" s="11" t="s">
        <v>82</v>
      </c>
      <c r="P1" s="11" t="s">
        <v>83</v>
      </c>
      <c r="Q1" s="11" t="s">
        <v>84</v>
      </c>
      <c r="R1" s="11" t="s">
        <v>85</v>
      </c>
      <c r="S1" s="11" t="s">
        <v>86</v>
      </c>
      <c r="T1" s="11" t="s">
        <v>87</v>
      </c>
      <c r="U1" s="11" t="s">
        <v>88</v>
      </c>
      <c r="V1" s="11" t="s">
        <v>89</v>
      </c>
      <c r="W1" s="11" t="s">
        <v>90</v>
      </c>
      <c r="X1" s="11" t="s">
        <v>91</v>
      </c>
      <c r="Y1" s="11" t="s">
        <v>92</v>
      </c>
      <c r="Z1" s="11" t="s">
        <v>93</v>
      </c>
      <c r="AA1" s="11" t="s">
        <v>94</v>
      </c>
      <c r="AB1" s="11" t="s">
        <v>95</v>
      </c>
    </row>
    <row r="2" spans="1:28">
      <c r="A2" s="11" t="s">
        <v>40</v>
      </c>
      <c r="B2" s="48">
        <v>44226</v>
      </c>
      <c r="C2" s="11" t="s">
        <v>96</v>
      </c>
      <c r="D2" s="11">
        <v>1</v>
      </c>
      <c r="E2" s="11">
        <v>2021</v>
      </c>
      <c r="F2" s="11" t="s">
        <v>97</v>
      </c>
      <c r="G2" s="11" t="s">
        <v>98</v>
      </c>
      <c r="H2" s="11" t="s">
        <v>99</v>
      </c>
      <c r="I2" s="11" t="s">
        <v>100</v>
      </c>
      <c r="J2" s="11" t="s">
        <v>101</v>
      </c>
      <c r="K2" s="11">
        <v>804960</v>
      </c>
      <c r="L2" s="11" t="s">
        <v>102</v>
      </c>
      <c r="M2" s="11" t="s">
        <v>102</v>
      </c>
      <c r="N2" s="11" t="s">
        <v>103</v>
      </c>
      <c r="O2" s="11" t="s">
        <v>104</v>
      </c>
      <c r="P2" s="11" t="s">
        <v>105</v>
      </c>
      <c r="Q2" s="11" t="s">
        <v>106</v>
      </c>
      <c r="R2" s="11" t="s">
        <v>107</v>
      </c>
      <c r="S2" s="11" t="s">
        <v>108</v>
      </c>
      <c r="T2" s="11" t="s">
        <v>102</v>
      </c>
      <c r="U2" s="11" t="s">
        <v>109</v>
      </c>
      <c r="V2" s="11" t="s">
        <v>110</v>
      </c>
      <c r="W2" s="11">
        <v>3</v>
      </c>
      <c r="X2" s="11" t="s">
        <v>111</v>
      </c>
      <c r="Y2" s="11" t="s">
        <v>112</v>
      </c>
      <c r="Z2" s="11" t="s">
        <v>102</v>
      </c>
      <c r="AA2" s="11" t="s">
        <v>113</v>
      </c>
      <c r="AB2" s="11" t="s">
        <v>114</v>
      </c>
    </row>
    <row r="3" spans="1:28">
      <c r="A3" s="11" t="s">
        <v>40</v>
      </c>
      <c r="B3" s="48">
        <v>44227</v>
      </c>
      <c r="C3" s="11" t="s">
        <v>96</v>
      </c>
      <c r="D3" s="11">
        <v>1</v>
      </c>
      <c r="E3" s="11">
        <v>2021</v>
      </c>
      <c r="F3" s="11" t="s">
        <v>97</v>
      </c>
      <c r="G3" s="11" t="s">
        <v>98</v>
      </c>
      <c r="H3" s="11" t="s">
        <v>115</v>
      </c>
      <c r="I3" s="11" t="s">
        <v>100</v>
      </c>
      <c r="J3" s="11" t="s">
        <v>101</v>
      </c>
      <c r="K3" s="11">
        <v>-804960</v>
      </c>
      <c r="L3" s="11" t="s">
        <v>102</v>
      </c>
      <c r="M3" s="11" t="s">
        <v>102</v>
      </c>
      <c r="N3" s="11" t="s">
        <v>103</v>
      </c>
      <c r="O3" s="11" t="s">
        <v>104</v>
      </c>
      <c r="P3" s="11" t="s">
        <v>105</v>
      </c>
      <c r="Q3" s="11" t="s">
        <v>106</v>
      </c>
      <c r="R3" s="11" t="s">
        <v>107</v>
      </c>
      <c r="S3" s="11" t="s">
        <v>108</v>
      </c>
      <c r="T3" s="11" t="s">
        <v>102</v>
      </c>
      <c r="U3" s="11" t="s">
        <v>116</v>
      </c>
      <c r="V3" s="11" t="s">
        <v>117</v>
      </c>
      <c r="W3" s="11">
        <v>3</v>
      </c>
      <c r="X3" s="11" t="s">
        <v>111</v>
      </c>
      <c r="Y3" s="11" t="s">
        <v>112</v>
      </c>
      <c r="Z3" s="11" t="s">
        <v>102</v>
      </c>
      <c r="AA3" s="11" t="s">
        <v>113</v>
      </c>
      <c r="AB3" s="11" t="s">
        <v>114</v>
      </c>
    </row>
    <row r="4" spans="1:28">
      <c r="A4" s="11" t="s">
        <v>40</v>
      </c>
      <c r="B4" s="48">
        <v>44227</v>
      </c>
      <c r="C4" s="11" t="s">
        <v>96</v>
      </c>
      <c r="D4" s="11">
        <v>1</v>
      </c>
      <c r="E4" s="11">
        <v>2021</v>
      </c>
      <c r="F4" s="11" t="s">
        <v>97</v>
      </c>
      <c r="G4" s="11" t="s">
        <v>98</v>
      </c>
      <c r="H4" s="11" t="s">
        <v>115</v>
      </c>
      <c r="I4" s="11" t="s">
        <v>100</v>
      </c>
      <c r="J4" s="11" t="s">
        <v>101</v>
      </c>
      <c r="K4" s="11">
        <v>804960</v>
      </c>
      <c r="L4" s="11" t="s">
        <v>102</v>
      </c>
      <c r="M4" s="11" t="s">
        <v>102</v>
      </c>
      <c r="N4" s="11" t="s">
        <v>103</v>
      </c>
      <c r="O4" s="11" t="s">
        <v>104</v>
      </c>
      <c r="P4" s="11" t="s">
        <v>105</v>
      </c>
      <c r="Q4" s="11" t="s">
        <v>106</v>
      </c>
      <c r="R4" s="11" t="s">
        <v>107</v>
      </c>
      <c r="S4" s="11" t="s">
        <v>108</v>
      </c>
      <c r="T4" s="11" t="s">
        <v>102</v>
      </c>
      <c r="U4" s="11" t="s">
        <v>109</v>
      </c>
      <c r="V4" s="11" t="s">
        <v>118</v>
      </c>
      <c r="W4" s="11">
        <v>3</v>
      </c>
      <c r="X4" s="11" t="s">
        <v>111</v>
      </c>
      <c r="Y4" s="11" t="s">
        <v>112</v>
      </c>
      <c r="Z4" s="11" t="s">
        <v>102</v>
      </c>
      <c r="AA4" s="11" t="s">
        <v>113</v>
      </c>
      <c r="AB4" s="11" t="s">
        <v>114</v>
      </c>
    </row>
    <row r="5" spans="1:28">
      <c r="A5" s="11" t="s">
        <v>40</v>
      </c>
      <c r="B5" s="48">
        <v>44225</v>
      </c>
      <c r="C5" s="11" t="s">
        <v>96</v>
      </c>
      <c r="D5" s="11">
        <v>1</v>
      </c>
      <c r="E5" s="11">
        <v>2021</v>
      </c>
      <c r="F5" s="11" t="s">
        <v>97</v>
      </c>
      <c r="G5" s="11" t="s">
        <v>98</v>
      </c>
      <c r="H5" s="11" t="s">
        <v>99</v>
      </c>
      <c r="I5" s="11" t="s">
        <v>100</v>
      </c>
      <c r="J5" s="11" t="s">
        <v>101</v>
      </c>
      <c r="K5" s="11">
        <v>804960</v>
      </c>
      <c r="L5" s="11" t="s">
        <v>102</v>
      </c>
      <c r="M5" s="11" t="s">
        <v>102</v>
      </c>
      <c r="N5" s="11" t="s">
        <v>103</v>
      </c>
      <c r="O5" s="11" t="s">
        <v>104</v>
      </c>
      <c r="P5" s="11" t="s">
        <v>105</v>
      </c>
      <c r="Q5" s="11" t="s">
        <v>106</v>
      </c>
      <c r="R5" s="11" t="s">
        <v>107</v>
      </c>
      <c r="S5" s="11" t="s">
        <v>108</v>
      </c>
      <c r="T5" s="11" t="s">
        <v>102</v>
      </c>
      <c r="U5" s="11" t="s">
        <v>116</v>
      </c>
      <c r="V5" s="11" t="s">
        <v>119</v>
      </c>
      <c r="W5" s="11">
        <v>3</v>
      </c>
      <c r="X5" s="11" t="s">
        <v>111</v>
      </c>
      <c r="Y5" s="11" t="s">
        <v>112</v>
      </c>
      <c r="Z5" s="11" t="s">
        <v>102</v>
      </c>
      <c r="AA5" s="11" t="s">
        <v>113</v>
      </c>
      <c r="AB5" s="11" t="s">
        <v>114</v>
      </c>
    </row>
    <row r="6" spans="1:28">
      <c r="A6" s="11" t="s">
        <v>40</v>
      </c>
      <c r="B6" s="48">
        <v>44226</v>
      </c>
      <c r="C6" s="11" t="s">
        <v>96</v>
      </c>
      <c r="D6" s="11">
        <v>1</v>
      </c>
      <c r="E6" s="11">
        <v>2021</v>
      </c>
      <c r="F6" s="11" t="s">
        <v>97</v>
      </c>
      <c r="G6" s="11" t="s">
        <v>98</v>
      </c>
      <c r="H6" s="11" t="s">
        <v>99</v>
      </c>
      <c r="I6" s="11" t="s">
        <v>100</v>
      </c>
      <c r="J6" s="11" t="s">
        <v>101</v>
      </c>
      <c r="K6" s="11">
        <v>-804960</v>
      </c>
      <c r="L6" s="11" t="s">
        <v>102</v>
      </c>
      <c r="M6" s="11" t="s">
        <v>102</v>
      </c>
      <c r="N6" s="11" t="s">
        <v>103</v>
      </c>
      <c r="O6" s="11" t="s">
        <v>104</v>
      </c>
      <c r="P6" s="11" t="s">
        <v>105</v>
      </c>
      <c r="Q6" s="11" t="s">
        <v>106</v>
      </c>
      <c r="R6" s="11" t="s">
        <v>107</v>
      </c>
      <c r="S6" s="11" t="s">
        <v>108</v>
      </c>
      <c r="T6" s="11" t="s">
        <v>102</v>
      </c>
      <c r="U6" s="11" t="s">
        <v>116</v>
      </c>
      <c r="V6" s="11" t="s">
        <v>120</v>
      </c>
      <c r="W6" s="11">
        <v>3</v>
      </c>
      <c r="X6" s="11" t="s">
        <v>111</v>
      </c>
      <c r="Y6" s="11" t="s">
        <v>112</v>
      </c>
      <c r="Z6" s="11" t="s">
        <v>102</v>
      </c>
      <c r="AA6" s="11" t="s">
        <v>113</v>
      </c>
      <c r="AB6" s="11" t="s">
        <v>114</v>
      </c>
    </row>
    <row r="7" spans="1:28">
      <c r="A7" s="11" t="s">
        <v>41</v>
      </c>
      <c r="B7" s="48">
        <v>44226</v>
      </c>
      <c r="C7" s="11" t="s">
        <v>96</v>
      </c>
      <c r="D7" s="11">
        <v>1</v>
      </c>
      <c r="E7" s="11">
        <v>2021</v>
      </c>
      <c r="F7" s="11" t="s">
        <v>97</v>
      </c>
      <c r="G7" s="11" t="s">
        <v>98</v>
      </c>
      <c r="H7" s="11" t="s">
        <v>99</v>
      </c>
      <c r="I7" s="11" t="s">
        <v>100</v>
      </c>
      <c r="J7" s="11" t="s">
        <v>101</v>
      </c>
      <c r="K7" s="11">
        <v>30123</v>
      </c>
      <c r="L7" s="11" t="s">
        <v>102</v>
      </c>
      <c r="M7" s="11" t="s">
        <v>102</v>
      </c>
      <c r="N7" s="11" t="s">
        <v>103</v>
      </c>
      <c r="O7" s="11" t="s">
        <v>121</v>
      </c>
      <c r="P7" s="11" t="s">
        <v>105</v>
      </c>
      <c r="Q7" s="11" t="s">
        <v>106</v>
      </c>
      <c r="R7" s="11" t="s">
        <v>107</v>
      </c>
      <c r="S7" s="11" t="s">
        <v>108</v>
      </c>
      <c r="T7" s="11" t="s">
        <v>102</v>
      </c>
      <c r="U7" s="11" t="s">
        <v>109</v>
      </c>
      <c r="V7" s="11" t="s">
        <v>122</v>
      </c>
      <c r="W7" s="11">
        <v>8</v>
      </c>
      <c r="X7" s="11" t="s">
        <v>111</v>
      </c>
      <c r="Y7" s="11" t="s">
        <v>112</v>
      </c>
      <c r="Z7" s="11" t="s">
        <v>102</v>
      </c>
      <c r="AA7" s="11" t="s">
        <v>113</v>
      </c>
      <c r="AB7" s="11" t="s">
        <v>123</v>
      </c>
    </row>
    <row r="8" spans="1:28">
      <c r="A8" s="11" t="s">
        <v>41</v>
      </c>
      <c r="B8" s="48">
        <v>44227</v>
      </c>
      <c r="C8" s="11" t="s">
        <v>96</v>
      </c>
      <c r="D8" s="11">
        <v>1</v>
      </c>
      <c r="E8" s="11">
        <v>2021</v>
      </c>
      <c r="F8" s="11" t="s">
        <v>97</v>
      </c>
      <c r="G8" s="11" t="s">
        <v>98</v>
      </c>
      <c r="H8" s="11" t="s">
        <v>115</v>
      </c>
      <c r="I8" s="11" t="s">
        <v>100</v>
      </c>
      <c r="J8" s="11" t="s">
        <v>101</v>
      </c>
      <c r="K8" s="11">
        <v>-30123</v>
      </c>
      <c r="L8" s="11" t="s">
        <v>102</v>
      </c>
      <c r="M8" s="11" t="s">
        <v>102</v>
      </c>
      <c r="N8" s="11" t="s">
        <v>103</v>
      </c>
      <c r="O8" s="11" t="s">
        <v>121</v>
      </c>
      <c r="P8" s="11" t="s">
        <v>105</v>
      </c>
      <c r="Q8" s="11" t="s">
        <v>106</v>
      </c>
      <c r="R8" s="11" t="s">
        <v>107</v>
      </c>
      <c r="S8" s="11" t="s">
        <v>108</v>
      </c>
      <c r="T8" s="11" t="s">
        <v>102</v>
      </c>
      <c r="U8" s="11" t="s">
        <v>116</v>
      </c>
      <c r="V8" s="11" t="s">
        <v>124</v>
      </c>
      <c r="W8" s="11">
        <v>8</v>
      </c>
      <c r="X8" s="11" t="s">
        <v>111</v>
      </c>
      <c r="Y8" s="11" t="s">
        <v>112</v>
      </c>
      <c r="Z8" s="11" t="s">
        <v>102</v>
      </c>
      <c r="AA8" s="11" t="s">
        <v>113</v>
      </c>
      <c r="AB8" s="11" t="s">
        <v>123</v>
      </c>
    </row>
    <row r="9" spans="1:28">
      <c r="A9" s="11" t="s">
        <v>41</v>
      </c>
      <c r="B9" s="48">
        <v>44227</v>
      </c>
      <c r="C9" s="11" t="s">
        <v>96</v>
      </c>
      <c r="D9" s="11">
        <v>1</v>
      </c>
      <c r="E9" s="11">
        <v>2021</v>
      </c>
      <c r="F9" s="11" t="s">
        <v>97</v>
      </c>
      <c r="G9" s="11" t="s">
        <v>98</v>
      </c>
      <c r="H9" s="11" t="s">
        <v>115</v>
      </c>
      <c r="I9" s="11" t="s">
        <v>100</v>
      </c>
      <c r="J9" s="11" t="s">
        <v>101</v>
      </c>
      <c r="K9" s="11">
        <v>30123</v>
      </c>
      <c r="L9" s="11" t="s">
        <v>102</v>
      </c>
      <c r="M9" s="11" t="s">
        <v>102</v>
      </c>
      <c r="N9" s="11" t="s">
        <v>103</v>
      </c>
      <c r="O9" s="11" t="s">
        <v>121</v>
      </c>
      <c r="P9" s="11" t="s">
        <v>105</v>
      </c>
      <c r="Q9" s="11" t="s">
        <v>106</v>
      </c>
      <c r="R9" s="11" t="s">
        <v>107</v>
      </c>
      <c r="S9" s="11" t="s">
        <v>108</v>
      </c>
      <c r="T9" s="11" t="s">
        <v>102</v>
      </c>
      <c r="U9" s="11" t="s">
        <v>109</v>
      </c>
      <c r="V9" s="11" t="s">
        <v>125</v>
      </c>
      <c r="W9" s="11">
        <v>8</v>
      </c>
      <c r="X9" s="11" t="s">
        <v>111</v>
      </c>
      <c r="Y9" s="11" t="s">
        <v>112</v>
      </c>
      <c r="Z9" s="11" t="s">
        <v>102</v>
      </c>
      <c r="AA9" s="11" t="s">
        <v>113</v>
      </c>
      <c r="AB9" s="11" t="s">
        <v>123</v>
      </c>
    </row>
    <row r="10" spans="1:28">
      <c r="A10" s="11" t="s">
        <v>41</v>
      </c>
      <c r="B10" s="48">
        <v>44225</v>
      </c>
      <c r="C10" s="11" t="s">
        <v>96</v>
      </c>
      <c r="D10" s="11">
        <v>1</v>
      </c>
      <c r="E10" s="11">
        <v>2021</v>
      </c>
      <c r="F10" s="11" t="s">
        <v>97</v>
      </c>
      <c r="G10" s="11" t="s">
        <v>98</v>
      </c>
      <c r="H10" s="11" t="s">
        <v>99</v>
      </c>
      <c r="I10" s="11" t="s">
        <v>100</v>
      </c>
      <c r="J10" s="11" t="s">
        <v>101</v>
      </c>
      <c r="K10" s="11">
        <v>30123</v>
      </c>
      <c r="L10" s="11" t="s">
        <v>102</v>
      </c>
      <c r="M10" s="11" t="s">
        <v>102</v>
      </c>
      <c r="N10" s="11" t="s">
        <v>103</v>
      </c>
      <c r="O10" s="11" t="s">
        <v>121</v>
      </c>
      <c r="P10" s="11" t="s">
        <v>105</v>
      </c>
      <c r="Q10" s="11" t="s">
        <v>106</v>
      </c>
      <c r="R10" s="11" t="s">
        <v>107</v>
      </c>
      <c r="S10" s="11" t="s">
        <v>108</v>
      </c>
      <c r="T10" s="11" t="s">
        <v>102</v>
      </c>
      <c r="U10" s="11" t="s">
        <v>116</v>
      </c>
      <c r="V10" s="11" t="s">
        <v>126</v>
      </c>
      <c r="W10" s="11">
        <v>8</v>
      </c>
      <c r="X10" s="11" t="s">
        <v>111</v>
      </c>
      <c r="Y10" s="11" t="s">
        <v>112</v>
      </c>
      <c r="Z10" s="11" t="s">
        <v>102</v>
      </c>
      <c r="AA10" s="11" t="s">
        <v>113</v>
      </c>
      <c r="AB10" s="11" t="s">
        <v>123</v>
      </c>
    </row>
    <row r="11" spans="1:28">
      <c r="A11" s="11" t="s">
        <v>41</v>
      </c>
      <c r="B11" s="48">
        <v>44226</v>
      </c>
      <c r="C11" s="11" t="s">
        <v>96</v>
      </c>
      <c r="D11" s="11">
        <v>1</v>
      </c>
      <c r="E11" s="11">
        <v>2021</v>
      </c>
      <c r="F11" s="11" t="s">
        <v>97</v>
      </c>
      <c r="G11" s="11" t="s">
        <v>98</v>
      </c>
      <c r="H11" s="11" t="s">
        <v>99</v>
      </c>
      <c r="I11" s="11" t="s">
        <v>100</v>
      </c>
      <c r="J11" s="11" t="s">
        <v>101</v>
      </c>
      <c r="K11" s="11">
        <v>-30123</v>
      </c>
      <c r="L11" s="11" t="s">
        <v>102</v>
      </c>
      <c r="M11" s="11" t="s">
        <v>102</v>
      </c>
      <c r="N11" s="11" t="s">
        <v>103</v>
      </c>
      <c r="O11" s="11" t="s">
        <v>121</v>
      </c>
      <c r="P11" s="11" t="s">
        <v>105</v>
      </c>
      <c r="Q11" s="11" t="s">
        <v>106</v>
      </c>
      <c r="R11" s="11" t="s">
        <v>107</v>
      </c>
      <c r="S11" s="11" t="s">
        <v>108</v>
      </c>
      <c r="T11" s="11" t="s">
        <v>102</v>
      </c>
      <c r="U11" s="11" t="s">
        <v>116</v>
      </c>
      <c r="V11" s="11" t="s">
        <v>127</v>
      </c>
      <c r="W11" s="11">
        <v>8</v>
      </c>
      <c r="X11" s="11" t="s">
        <v>111</v>
      </c>
      <c r="Y11" s="11" t="s">
        <v>112</v>
      </c>
      <c r="Z11" s="11" t="s">
        <v>102</v>
      </c>
      <c r="AA11" s="11" t="s">
        <v>113</v>
      </c>
      <c r="AB11" s="11" t="s">
        <v>123</v>
      </c>
    </row>
    <row r="12" spans="1:28">
      <c r="A12" s="11" t="s">
        <v>41</v>
      </c>
      <c r="B12" s="48">
        <v>44592</v>
      </c>
      <c r="C12" s="11" t="s">
        <v>128</v>
      </c>
      <c r="D12" s="11">
        <v>1</v>
      </c>
      <c r="E12" s="11">
        <v>2022</v>
      </c>
      <c r="F12" s="11" t="s">
        <v>97</v>
      </c>
      <c r="G12" s="11" t="s">
        <v>98</v>
      </c>
      <c r="H12" s="11" t="s">
        <v>129</v>
      </c>
      <c r="I12" s="11" t="s">
        <v>130</v>
      </c>
      <c r="J12" s="11" t="s">
        <v>131</v>
      </c>
      <c r="K12" s="11">
        <v>-255622.5</v>
      </c>
      <c r="L12" s="11" t="s">
        <v>102</v>
      </c>
      <c r="M12" s="11" t="s">
        <v>102</v>
      </c>
      <c r="N12" s="11" t="s">
        <v>103</v>
      </c>
      <c r="O12" s="11" t="s">
        <v>132</v>
      </c>
      <c r="P12" s="11" t="s">
        <v>133</v>
      </c>
      <c r="Q12" s="11" t="s">
        <v>106</v>
      </c>
      <c r="R12" s="11" t="s">
        <v>107</v>
      </c>
      <c r="S12" s="11" t="s">
        <v>108</v>
      </c>
      <c r="T12" s="11" t="s">
        <v>102</v>
      </c>
      <c r="U12" s="11" t="s">
        <v>116</v>
      </c>
      <c r="V12" s="11" t="s">
        <v>134</v>
      </c>
      <c r="W12" s="11">
        <v>185</v>
      </c>
      <c r="X12" s="11" t="s">
        <v>135</v>
      </c>
      <c r="Y12" s="11" t="s">
        <v>136</v>
      </c>
      <c r="Z12" s="11" t="s">
        <v>102</v>
      </c>
      <c r="AA12" s="11" t="s">
        <v>102</v>
      </c>
      <c r="AB12" s="11" t="s">
        <v>129</v>
      </c>
    </row>
    <row r="13" spans="1:28">
      <c r="A13" s="11" t="s">
        <v>41</v>
      </c>
      <c r="B13" s="48">
        <v>44592</v>
      </c>
      <c r="C13" s="11" t="s">
        <v>137</v>
      </c>
      <c r="D13" s="11">
        <v>1</v>
      </c>
      <c r="E13" s="11">
        <v>2022</v>
      </c>
      <c r="F13" s="11" t="s">
        <v>97</v>
      </c>
      <c r="G13" s="11" t="s">
        <v>98</v>
      </c>
      <c r="H13" s="11" t="s">
        <v>99</v>
      </c>
      <c r="I13" s="11" t="s">
        <v>130</v>
      </c>
      <c r="J13" s="11" t="s">
        <v>101</v>
      </c>
      <c r="K13" s="11">
        <v>277024</v>
      </c>
      <c r="L13" s="11" t="s">
        <v>102</v>
      </c>
      <c r="M13" s="11" t="s">
        <v>102</v>
      </c>
      <c r="N13" s="11" t="s">
        <v>103</v>
      </c>
      <c r="O13" s="11" t="s">
        <v>132</v>
      </c>
      <c r="P13" s="11" t="s">
        <v>133</v>
      </c>
      <c r="Q13" s="11" t="s">
        <v>106</v>
      </c>
      <c r="R13" s="11" t="s">
        <v>107</v>
      </c>
      <c r="S13" s="11" t="s">
        <v>108</v>
      </c>
      <c r="T13" s="11" t="s">
        <v>102</v>
      </c>
      <c r="U13" s="11" t="s">
        <v>116</v>
      </c>
      <c r="V13" s="11" t="s">
        <v>138</v>
      </c>
      <c r="W13" s="11">
        <v>92</v>
      </c>
      <c r="X13" s="11" t="s">
        <v>139</v>
      </c>
      <c r="Y13" s="11" t="s">
        <v>140</v>
      </c>
      <c r="Z13" s="11" t="s">
        <v>102</v>
      </c>
      <c r="AA13" s="11" t="s">
        <v>113</v>
      </c>
      <c r="AB13" s="11" t="s">
        <v>141</v>
      </c>
    </row>
    <row r="14" spans="1:28">
      <c r="A14" s="11" t="s">
        <v>41</v>
      </c>
      <c r="B14" s="48">
        <v>44592</v>
      </c>
      <c r="C14" s="11" t="s">
        <v>137</v>
      </c>
      <c r="D14" s="11">
        <v>1</v>
      </c>
      <c r="E14" s="11">
        <v>2022</v>
      </c>
      <c r="F14" s="11" t="s">
        <v>97</v>
      </c>
      <c r="G14" s="11" t="s">
        <v>98</v>
      </c>
      <c r="H14" s="11" t="s">
        <v>99</v>
      </c>
      <c r="I14" s="11" t="s">
        <v>130</v>
      </c>
      <c r="J14" s="11" t="s">
        <v>101</v>
      </c>
      <c r="K14" s="11">
        <v>234221</v>
      </c>
      <c r="L14" s="11" t="s">
        <v>102</v>
      </c>
      <c r="M14" s="11" t="s">
        <v>102</v>
      </c>
      <c r="N14" s="11" t="s">
        <v>103</v>
      </c>
      <c r="O14" s="11" t="s">
        <v>132</v>
      </c>
      <c r="P14" s="11" t="s">
        <v>133</v>
      </c>
      <c r="Q14" s="11" t="s">
        <v>106</v>
      </c>
      <c r="R14" s="11" t="s">
        <v>107</v>
      </c>
      <c r="S14" s="11" t="s">
        <v>108</v>
      </c>
      <c r="T14" s="11" t="s">
        <v>102</v>
      </c>
      <c r="U14" s="11" t="s">
        <v>116</v>
      </c>
      <c r="V14" s="11" t="s">
        <v>138</v>
      </c>
      <c r="W14" s="11">
        <v>19</v>
      </c>
      <c r="X14" s="11" t="s">
        <v>139</v>
      </c>
      <c r="Y14" s="11" t="s">
        <v>140</v>
      </c>
      <c r="Z14" s="11" t="s">
        <v>102</v>
      </c>
      <c r="AA14" s="11" t="s">
        <v>113</v>
      </c>
      <c r="AB14" s="11" t="s">
        <v>142</v>
      </c>
    </row>
    <row r="15" spans="1:28">
      <c r="A15" s="11" t="s">
        <v>42</v>
      </c>
      <c r="B15" s="48">
        <v>44227</v>
      </c>
      <c r="C15" s="11" t="s">
        <v>96</v>
      </c>
      <c r="D15" s="11">
        <v>1</v>
      </c>
      <c r="E15" s="11">
        <v>2021</v>
      </c>
      <c r="F15" s="11" t="s">
        <v>97</v>
      </c>
      <c r="G15" s="11" t="s">
        <v>98</v>
      </c>
      <c r="H15" s="11" t="s">
        <v>115</v>
      </c>
      <c r="I15" s="11" t="s">
        <v>100</v>
      </c>
      <c r="J15" s="11" t="s">
        <v>101</v>
      </c>
      <c r="K15" s="11">
        <v>-424428</v>
      </c>
      <c r="L15" s="11" t="s">
        <v>102</v>
      </c>
      <c r="M15" s="11" t="s">
        <v>102</v>
      </c>
      <c r="N15" s="11" t="s">
        <v>103</v>
      </c>
      <c r="O15" s="11" t="s">
        <v>143</v>
      </c>
      <c r="P15" s="11" t="s">
        <v>105</v>
      </c>
      <c r="Q15" s="11" t="s">
        <v>106</v>
      </c>
      <c r="R15" s="11" t="s">
        <v>107</v>
      </c>
      <c r="S15" s="11" t="s">
        <v>108</v>
      </c>
      <c r="T15" s="11" t="s">
        <v>102</v>
      </c>
      <c r="U15" s="11" t="s">
        <v>116</v>
      </c>
      <c r="V15" s="11" t="s">
        <v>144</v>
      </c>
      <c r="W15" s="11">
        <v>52</v>
      </c>
      <c r="X15" s="11" t="s">
        <v>111</v>
      </c>
      <c r="Y15" s="11" t="s">
        <v>112</v>
      </c>
      <c r="Z15" s="11" t="s">
        <v>102</v>
      </c>
      <c r="AA15" s="11" t="s">
        <v>113</v>
      </c>
      <c r="AB15" s="11" t="s">
        <v>145</v>
      </c>
    </row>
    <row r="16" spans="1:28">
      <c r="A16" s="11" t="s">
        <v>42</v>
      </c>
      <c r="B16" s="48">
        <v>44226</v>
      </c>
      <c r="C16" s="11" t="s">
        <v>96</v>
      </c>
      <c r="D16" s="11">
        <v>1</v>
      </c>
      <c r="E16" s="11">
        <v>2021</v>
      </c>
      <c r="F16" s="11" t="s">
        <v>97</v>
      </c>
      <c r="G16" s="11" t="s">
        <v>98</v>
      </c>
      <c r="H16" s="11" t="s">
        <v>99</v>
      </c>
      <c r="I16" s="11" t="s">
        <v>100</v>
      </c>
      <c r="J16" s="11" t="s">
        <v>101</v>
      </c>
      <c r="K16" s="11">
        <v>424428</v>
      </c>
      <c r="L16" s="11" t="s">
        <v>102</v>
      </c>
      <c r="M16" s="11" t="s">
        <v>102</v>
      </c>
      <c r="N16" s="11" t="s">
        <v>103</v>
      </c>
      <c r="O16" s="11" t="s">
        <v>143</v>
      </c>
      <c r="P16" s="11" t="s">
        <v>105</v>
      </c>
      <c r="Q16" s="11" t="s">
        <v>106</v>
      </c>
      <c r="R16" s="11" t="s">
        <v>107</v>
      </c>
      <c r="S16" s="11" t="s">
        <v>108</v>
      </c>
      <c r="T16" s="11" t="s">
        <v>102</v>
      </c>
      <c r="U16" s="11" t="s">
        <v>109</v>
      </c>
      <c r="V16" s="11" t="s">
        <v>146</v>
      </c>
      <c r="W16" s="11">
        <v>52</v>
      </c>
      <c r="X16" s="11" t="s">
        <v>111</v>
      </c>
      <c r="Y16" s="11" t="s">
        <v>112</v>
      </c>
      <c r="Z16" s="11" t="s">
        <v>102</v>
      </c>
      <c r="AA16" s="11" t="s">
        <v>113</v>
      </c>
      <c r="AB16" s="11" t="s">
        <v>145</v>
      </c>
    </row>
    <row r="17" spans="1:28">
      <c r="A17" s="11" t="s">
        <v>42</v>
      </c>
      <c r="B17" s="48">
        <v>44227</v>
      </c>
      <c r="C17" s="11" t="s">
        <v>96</v>
      </c>
      <c r="D17" s="11">
        <v>1</v>
      </c>
      <c r="E17" s="11">
        <v>2021</v>
      </c>
      <c r="F17" s="11" t="s">
        <v>97</v>
      </c>
      <c r="G17" s="11" t="s">
        <v>98</v>
      </c>
      <c r="H17" s="11" t="s">
        <v>115</v>
      </c>
      <c r="I17" s="11" t="s">
        <v>100</v>
      </c>
      <c r="J17" s="11" t="s">
        <v>101</v>
      </c>
      <c r="K17" s="11">
        <v>424428</v>
      </c>
      <c r="L17" s="11" t="s">
        <v>102</v>
      </c>
      <c r="M17" s="11" t="s">
        <v>102</v>
      </c>
      <c r="N17" s="11" t="s">
        <v>103</v>
      </c>
      <c r="O17" s="11" t="s">
        <v>143</v>
      </c>
      <c r="P17" s="11" t="s">
        <v>105</v>
      </c>
      <c r="Q17" s="11" t="s">
        <v>106</v>
      </c>
      <c r="R17" s="11" t="s">
        <v>107</v>
      </c>
      <c r="S17" s="11" t="s">
        <v>108</v>
      </c>
      <c r="T17" s="11" t="s">
        <v>102</v>
      </c>
      <c r="U17" s="11" t="s">
        <v>109</v>
      </c>
      <c r="V17" s="11" t="s">
        <v>147</v>
      </c>
      <c r="W17" s="11">
        <v>52</v>
      </c>
      <c r="X17" s="11" t="s">
        <v>111</v>
      </c>
      <c r="Y17" s="11" t="s">
        <v>112</v>
      </c>
      <c r="Z17" s="11" t="s">
        <v>102</v>
      </c>
      <c r="AA17" s="11" t="s">
        <v>113</v>
      </c>
      <c r="AB17" s="11" t="s">
        <v>145</v>
      </c>
    </row>
    <row r="18" spans="1:28">
      <c r="A18" s="11" t="s">
        <v>42</v>
      </c>
      <c r="B18" s="48">
        <v>44226</v>
      </c>
      <c r="C18" s="11" t="s">
        <v>96</v>
      </c>
      <c r="D18" s="11">
        <v>1</v>
      </c>
      <c r="E18" s="11">
        <v>2021</v>
      </c>
      <c r="F18" s="11" t="s">
        <v>97</v>
      </c>
      <c r="G18" s="11" t="s">
        <v>98</v>
      </c>
      <c r="H18" s="11" t="s">
        <v>99</v>
      </c>
      <c r="I18" s="11" t="s">
        <v>100</v>
      </c>
      <c r="J18" s="11" t="s">
        <v>101</v>
      </c>
      <c r="K18" s="11">
        <v>-424428</v>
      </c>
      <c r="L18" s="11" t="s">
        <v>102</v>
      </c>
      <c r="M18" s="11" t="s">
        <v>102</v>
      </c>
      <c r="N18" s="11" t="s">
        <v>103</v>
      </c>
      <c r="O18" s="11" t="s">
        <v>143</v>
      </c>
      <c r="P18" s="11" t="s">
        <v>105</v>
      </c>
      <c r="Q18" s="11" t="s">
        <v>106</v>
      </c>
      <c r="R18" s="11" t="s">
        <v>107</v>
      </c>
      <c r="S18" s="11" t="s">
        <v>108</v>
      </c>
      <c r="T18" s="11" t="s">
        <v>102</v>
      </c>
      <c r="U18" s="11" t="s">
        <v>116</v>
      </c>
      <c r="V18" s="11" t="s">
        <v>148</v>
      </c>
      <c r="W18" s="11">
        <v>52</v>
      </c>
      <c r="X18" s="11" t="s">
        <v>111</v>
      </c>
      <c r="Y18" s="11" t="s">
        <v>112</v>
      </c>
      <c r="Z18" s="11" t="s">
        <v>102</v>
      </c>
      <c r="AA18" s="11" t="s">
        <v>113</v>
      </c>
      <c r="AB18" s="11" t="s">
        <v>145</v>
      </c>
    </row>
    <row r="19" spans="1:28">
      <c r="A19" s="11" t="s">
        <v>42</v>
      </c>
      <c r="B19" s="48">
        <v>44225</v>
      </c>
      <c r="C19" s="11" t="s">
        <v>96</v>
      </c>
      <c r="D19" s="11">
        <v>1</v>
      </c>
      <c r="E19" s="11">
        <v>2021</v>
      </c>
      <c r="F19" s="11" t="s">
        <v>97</v>
      </c>
      <c r="G19" s="11" t="s">
        <v>98</v>
      </c>
      <c r="H19" s="11" t="s">
        <v>99</v>
      </c>
      <c r="I19" s="11" t="s">
        <v>100</v>
      </c>
      <c r="J19" s="11" t="s">
        <v>101</v>
      </c>
      <c r="K19" s="11">
        <v>424428</v>
      </c>
      <c r="L19" s="11" t="s">
        <v>102</v>
      </c>
      <c r="M19" s="11" t="s">
        <v>102</v>
      </c>
      <c r="N19" s="11" t="s">
        <v>103</v>
      </c>
      <c r="O19" s="11" t="s">
        <v>143</v>
      </c>
      <c r="P19" s="11" t="s">
        <v>105</v>
      </c>
      <c r="Q19" s="11" t="s">
        <v>106</v>
      </c>
      <c r="R19" s="11" t="s">
        <v>107</v>
      </c>
      <c r="S19" s="11" t="s">
        <v>108</v>
      </c>
      <c r="T19" s="11" t="s">
        <v>102</v>
      </c>
      <c r="U19" s="11" t="s">
        <v>116</v>
      </c>
      <c r="V19" s="11" t="s">
        <v>149</v>
      </c>
      <c r="W19" s="11">
        <v>52</v>
      </c>
      <c r="X19" s="11" t="s">
        <v>111</v>
      </c>
      <c r="Y19" s="11" t="s">
        <v>112</v>
      </c>
      <c r="Z19" s="11" t="s">
        <v>102</v>
      </c>
      <c r="AA19" s="11" t="s">
        <v>113</v>
      </c>
      <c r="AB19" s="11" t="s">
        <v>145</v>
      </c>
    </row>
    <row r="20" spans="1:28">
      <c r="A20" s="11" t="s">
        <v>40</v>
      </c>
      <c r="B20" s="48">
        <v>44255</v>
      </c>
      <c r="C20" s="11" t="s">
        <v>96</v>
      </c>
      <c r="D20" s="11">
        <v>2</v>
      </c>
      <c r="E20" s="11">
        <v>2021</v>
      </c>
      <c r="F20" s="11" t="s">
        <v>97</v>
      </c>
      <c r="G20" s="11" t="s">
        <v>98</v>
      </c>
      <c r="H20" s="11" t="s">
        <v>115</v>
      </c>
      <c r="I20" s="11" t="s">
        <v>100</v>
      </c>
      <c r="J20" s="11" t="s">
        <v>101</v>
      </c>
      <c r="K20" s="11">
        <v>804960</v>
      </c>
      <c r="L20" s="11" t="s">
        <v>102</v>
      </c>
      <c r="M20" s="11" t="s">
        <v>102</v>
      </c>
      <c r="N20" s="11" t="s">
        <v>103</v>
      </c>
      <c r="O20" s="11" t="s">
        <v>104</v>
      </c>
      <c r="P20" s="11" t="s">
        <v>105</v>
      </c>
      <c r="Q20" s="11" t="s">
        <v>106</v>
      </c>
      <c r="R20" s="11" t="s">
        <v>107</v>
      </c>
      <c r="S20" s="11" t="s">
        <v>108</v>
      </c>
      <c r="T20" s="11" t="s">
        <v>102</v>
      </c>
      <c r="U20" s="11" t="s">
        <v>116</v>
      </c>
      <c r="V20" s="11" t="s">
        <v>150</v>
      </c>
      <c r="W20" s="11">
        <v>3</v>
      </c>
      <c r="X20" s="11" t="s">
        <v>111</v>
      </c>
      <c r="Y20" s="11" t="s">
        <v>151</v>
      </c>
      <c r="Z20" s="11" t="s">
        <v>102</v>
      </c>
      <c r="AA20" s="11" t="s">
        <v>113</v>
      </c>
      <c r="AB20" s="11" t="s">
        <v>114</v>
      </c>
    </row>
    <row r="21" spans="1:28">
      <c r="A21" s="11" t="s">
        <v>41</v>
      </c>
      <c r="B21" s="48">
        <v>44255</v>
      </c>
      <c r="C21" s="11" t="s">
        <v>96</v>
      </c>
      <c r="D21" s="11">
        <v>2</v>
      </c>
      <c r="E21" s="11">
        <v>2021</v>
      </c>
      <c r="F21" s="11" t="s">
        <v>97</v>
      </c>
      <c r="G21" s="11" t="s">
        <v>98</v>
      </c>
      <c r="H21" s="11" t="s">
        <v>115</v>
      </c>
      <c r="I21" s="11" t="s">
        <v>100</v>
      </c>
      <c r="J21" s="11" t="s">
        <v>101</v>
      </c>
      <c r="K21" s="11">
        <v>30123</v>
      </c>
      <c r="L21" s="11" t="s">
        <v>102</v>
      </c>
      <c r="M21" s="11" t="s">
        <v>102</v>
      </c>
      <c r="N21" s="11" t="s">
        <v>103</v>
      </c>
      <c r="O21" s="11" t="s">
        <v>121</v>
      </c>
      <c r="P21" s="11" t="s">
        <v>105</v>
      </c>
      <c r="Q21" s="11" t="s">
        <v>106</v>
      </c>
      <c r="R21" s="11" t="s">
        <v>107</v>
      </c>
      <c r="S21" s="11" t="s">
        <v>108</v>
      </c>
      <c r="T21" s="11" t="s">
        <v>102</v>
      </c>
      <c r="U21" s="11" t="s">
        <v>116</v>
      </c>
      <c r="V21" s="11" t="s">
        <v>152</v>
      </c>
      <c r="W21" s="11">
        <v>8</v>
      </c>
      <c r="X21" s="11" t="s">
        <v>111</v>
      </c>
      <c r="Y21" s="11" t="s">
        <v>151</v>
      </c>
      <c r="Z21" s="11" t="s">
        <v>102</v>
      </c>
      <c r="AA21" s="11" t="s">
        <v>113</v>
      </c>
      <c r="AB21" s="11" t="s">
        <v>123</v>
      </c>
    </row>
    <row r="22" spans="1:28">
      <c r="A22" s="11" t="s">
        <v>41</v>
      </c>
      <c r="B22" s="48">
        <v>44620</v>
      </c>
      <c r="C22" s="11" t="s">
        <v>153</v>
      </c>
      <c r="D22" s="11">
        <v>2</v>
      </c>
      <c r="E22" s="11">
        <v>2022</v>
      </c>
      <c r="F22" s="11" t="s">
        <v>97</v>
      </c>
      <c r="G22" s="11" t="s">
        <v>98</v>
      </c>
      <c r="H22" s="11" t="s">
        <v>129</v>
      </c>
      <c r="I22" s="11" t="s">
        <v>130</v>
      </c>
      <c r="J22" s="11" t="s">
        <v>131</v>
      </c>
      <c r="K22" s="11">
        <v>-255622.5</v>
      </c>
      <c r="L22" s="11" t="s">
        <v>102</v>
      </c>
      <c r="M22" s="11" t="s">
        <v>102</v>
      </c>
      <c r="N22" s="11" t="s">
        <v>103</v>
      </c>
      <c r="O22" s="11" t="s">
        <v>132</v>
      </c>
      <c r="P22" s="11" t="s">
        <v>133</v>
      </c>
      <c r="Q22" s="11" t="s">
        <v>106</v>
      </c>
      <c r="R22" s="11" t="s">
        <v>107</v>
      </c>
      <c r="S22" s="11" t="s">
        <v>108</v>
      </c>
      <c r="T22" s="11" t="s">
        <v>102</v>
      </c>
      <c r="U22" s="11" t="s">
        <v>116</v>
      </c>
      <c r="V22" s="11" t="s">
        <v>154</v>
      </c>
      <c r="W22" s="11">
        <v>173</v>
      </c>
      <c r="X22" s="11" t="s">
        <v>135</v>
      </c>
      <c r="Y22" s="11" t="s">
        <v>136</v>
      </c>
      <c r="Z22" s="11" t="s">
        <v>102</v>
      </c>
      <c r="AA22" s="11" t="s">
        <v>102</v>
      </c>
      <c r="AB22" s="11" t="s">
        <v>129</v>
      </c>
    </row>
    <row r="23" spans="1:28">
      <c r="A23" s="11" t="s">
        <v>41</v>
      </c>
      <c r="B23" s="48">
        <v>44620</v>
      </c>
      <c r="C23" s="11" t="s">
        <v>137</v>
      </c>
      <c r="D23" s="11">
        <v>2</v>
      </c>
      <c r="E23" s="11">
        <v>2022</v>
      </c>
      <c r="F23" s="11" t="s">
        <v>97</v>
      </c>
      <c r="G23" s="11" t="s">
        <v>98</v>
      </c>
      <c r="H23" s="11" t="s">
        <v>99</v>
      </c>
      <c r="I23" s="11" t="s">
        <v>130</v>
      </c>
      <c r="J23" s="11" t="s">
        <v>101</v>
      </c>
      <c r="K23" s="11">
        <v>234221</v>
      </c>
      <c r="L23" s="11" t="s">
        <v>102</v>
      </c>
      <c r="M23" s="11" t="s">
        <v>102</v>
      </c>
      <c r="N23" s="11" t="s">
        <v>103</v>
      </c>
      <c r="O23" s="11" t="s">
        <v>132</v>
      </c>
      <c r="P23" s="11" t="s">
        <v>133</v>
      </c>
      <c r="Q23" s="11" t="s">
        <v>106</v>
      </c>
      <c r="R23" s="11" t="s">
        <v>107</v>
      </c>
      <c r="S23" s="11" t="s">
        <v>108</v>
      </c>
      <c r="T23" s="11" t="s">
        <v>102</v>
      </c>
      <c r="U23" s="11" t="s">
        <v>116</v>
      </c>
      <c r="V23" s="11" t="s">
        <v>155</v>
      </c>
      <c r="W23" s="11">
        <v>19</v>
      </c>
      <c r="X23" s="11" t="s">
        <v>139</v>
      </c>
      <c r="Y23" s="11" t="s">
        <v>156</v>
      </c>
      <c r="Z23" s="11" t="s">
        <v>102</v>
      </c>
      <c r="AA23" s="11" t="s">
        <v>113</v>
      </c>
      <c r="AB23" s="11" t="s">
        <v>142</v>
      </c>
    </row>
    <row r="24" spans="1:28">
      <c r="A24" s="11" t="s">
        <v>41</v>
      </c>
      <c r="B24" s="48">
        <v>44620</v>
      </c>
      <c r="C24" s="11" t="s">
        <v>137</v>
      </c>
      <c r="D24" s="11">
        <v>2</v>
      </c>
      <c r="E24" s="11">
        <v>2022</v>
      </c>
      <c r="F24" s="11" t="s">
        <v>97</v>
      </c>
      <c r="G24" s="11" t="s">
        <v>98</v>
      </c>
      <c r="H24" s="11" t="s">
        <v>99</v>
      </c>
      <c r="I24" s="11" t="s">
        <v>130</v>
      </c>
      <c r="J24" s="11" t="s">
        <v>101</v>
      </c>
      <c r="K24" s="11">
        <v>277024</v>
      </c>
      <c r="L24" s="11" t="s">
        <v>102</v>
      </c>
      <c r="M24" s="11" t="s">
        <v>102</v>
      </c>
      <c r="N24" s="11" t="s">
        <v>103</v>
      </c>
      <c r="O24" s="11" t="s">
        <v>132</v>
      </c>
      <c r="P24" s="11" t="s">
        <v>133</v>
      </c>
      <c r="Q24" s="11" t="s">
        <v>106</v>
      </c>
      <c r="R24" s="11" t="s">
        <v>107</v>
      </c>
      <c r="S24" s="11" t="s">
        <v>108</v>
      </c>
      <c r="T24" s="11" t="s">
        <v>102</v>
      </c>
      <c r="U24" s="11" t="s">
        <v>116</v>
      </c>
      <c r="V24" s="11" t="s">
        <v>155</v>
      </c>
      <c r="W24" s="11">
        <v>84</v>
      </c>
      <c r="X24" s="11" t="s">
        <v>139</v>
      </c>
      <c r="Y24" s="11" t="s">
        <v>156</v>
      </c>
      <c r="Z24" s="11" t="s">
        <v>102</v>
      </c>
      <c r="AA24" s="11" t="s">
        <v>113</v>
      </c>
      <c r="AB24" s="11" t="s">
        <v>141</v>
      </c>
    </row>
    <row r="25" spans="1:28">
      <c r="A25" s="11" t="s">
        <v>42</v>
      </c>
      <c r="B25" s="48">
        <v>44255</v>
      </c>
      <c r="C25" s="11" t="s">
        <v>96</v>
      </c>
      <c r="D25" s="11">
        <v>2</v>
      </c>
      <c r="E25" s="11">
        <v>2021</v>
      </c>
      <c r="F25" s="11" t="s">
        <v>97</v>
      </c>
      <c r="G25" s="11" t="s">
        <v>98</v>
      </c>
      <c r="H25" s="11" t="s">
        <v>115</v>
      </c>
      <c r="I25" s="11" t="s">
        <v>100</v>
      </c>
      <c r="J25" s="11" t="s">
        <v>101</v>
      </c>
      <c r="K25" s="11">
        <v>424428</v>
      </c>
      <c r="L25" s="11" t="s">
        <v>102</v>
      </c>
      <c r="M25" s="11" t="s">
        <v>102</v>
      </c>
      <c r="N25" s="11" t="s">
        <v>103</v>
      </c>
      <c r="O25" s="11" t="s">
        <v>143</v>
      </c>
      <c r="P25" s="11" t="s">
        <v>105</v>
      </c>
      <c r="Q25" s="11" t="s">
        <v>106</v>
      </c>
      <c r="R25" s="11" t="s">
        <v>107</v>
      </c>
      <c r="S25" s="11" t="s">
        <v>108</v>
      </c>
      <c r="T25" s="11" t="s">
        <v>102</v>
      </c>
      <c r="U25" s="11" t="s">
        <v>116</v>
      </c>
      <c r="V25" s="11" t="s">
        <v>157</v>
      </c>
      <c r="W25" s="11">
        <v>46</v>
      </c>
      <c r="X25" s="11" t="s">
        <v>111</v>
      </c>
      <c r="Y25" s="11" t="s">
        <v>151</v>
      </c>
      <c r="Z25" s="11" t="s">
        <v>102</v>
      </c>
      <c r="AA25" s="11" t="s">
        <v>113</v>
      </c>
      <c r="AB25" s="11" t="s">
        <v>145</v>
      </c>
    </row>
    <row r="26" spans="1:28">
      <c r="A26" s="11" t="s">
        <v>40</v>
      </c>
      <c r="B26" s="48">
        <v>44286</v>
      </c>
      <c r="C26" s="11" t="s">
        <v>45</v>
      </c>
      <c r="D26" s="11">
        <v>3</v>
      </c>
      <c r="E26" s="11">
        <v>2021</v>
      </c>
      <c r="F26" s="11" t="s">
        <v>97</v>
      </c>
      <c r="G26" s="11" t="s">
        <v>98</v>
      </c>
      <c r="H26" s="11" t="s">
        <v>115</v>
      </c>
      <c r="I26" s="11" t="s">
        <v>100</v>
      </c>
      <c r="J26" s="11" t="s">
        <v>101</v>
      </c>
      <c r="K26" s="11">
        <v>804960</v>
      </c>
      <c r="L26" s="11" t="s">
        <v>102</v>
      </c>
      <c r="M26" s="11" t="s">
        <v>102</v>
      </c>
      <c r="N26" s="11" t="s">
        <v>103</v>
      </c>
      <c r="O26" s="11" t="s">
        <v>104</v>
      </c>
      <c r="P26" s="11" t="s">
        <v>105</v>
      </c>
      <c r="Q26" s="11" t="s">
        <v>106</v>
      </c>
      <c r="R26" s="11" t="s">
        <v>107</v>
      </c>
      <c r="S26" s="11" t="s">
        <v>108</v>
      </c>
      <c r="T26" s="11" t="s">
        <v>102</v>
      </c>
      <c r="U26" s="11" t="s">
        <v>109</v>
      </c>
      <c r="V26" s="11" t="s">
        <v>158</v>
      </c>
      <c r="W26" s="11">
        <v>3</v>
      </c>
      <c r="X26" s="11" t="s">
        <v>111</v>
      </c>
      <c r="Y26" s="11" t="s">
        <v>159</v>
      </c>
      <c r="Z26" s="11" t="s">
        <v>102</v>
      </c>
      <c r="AA26" s="11" t="s">
        <v>113</v>
      </c>
      <c r="AB26" s="11" t="s">
        <v>114</v>
      </c>
    </row>
    <row r="27" spans="1:28">
      <c r="A27" s="11" t="s">
        <v>40</v>
      </c>
      <c r="B27" s="48">
        <v>44286</v>
      </c>
      <c r="C27" s="11" t="s">
        <v>45</v>
      </c>
      <c r="D27" s="11">
        <v>3</v>
      </c>
      <c r="E27" s="11">
        <v>2021</v>
      </c>
      <c r="F27" s="11" t="s">
        <v>97</v>
      </c>
      <c r="G27" s="11" t="s">
        <v>98</v>
      </c>
      <c r="H27" s="11" t="s">
        <v>115</v>
      </c>
      <c r="I27" s="11" t="s">
        <v>100</v>
      </c>
      <c r="J27" s="11" t="s">
        <v>101</v>
      </c>
      <c r="K27" s="11">
        <v>-804960</v>
      </c>
      <c r="L27" s="11" t="s">
        <v>102</v>
      </c>
      <c r="M27" s="11" t="s">
        <v>102</v>
      </c>
      <c r="N27" s="11" t="s">
        <v>103</v>
      </c>
      <c r="O27" s="11" t="s">
        <v>104</v>
      </c>
      <c r="P27" s="11" t="s">
        <v>105</v>
      </c>
      <c r="Q27" s="11" t="s">
        <v>106</v>
      </c>
      <c r="R27" s="11" t="s">
        <v>107</v>
      </c>
      <c r="S27" s="11" t="s">
        <v>108</v>
      </c>
      <c r="T27" s="11" t="s">
        <v>102</v>
      </c>
      <c r="U27" s="11" t="s">
        <v>116</v>
      </c>
      <c r="V27" s="11" t="s">
        <v>160</v>
      </c>
      <c r="W27" s="11">
        <v>3</v>
      </c>
      <c r="X27" s="11" t="s">
        <v>111</v>
      </c>
      <c r="Y27" s="11" t="s">
        <v>159</v>
      </c>
      <c r="Z27" s="11" t="s">
        <v>102</v>
      </c>
      <c r="AA27" s="11" t="s">
        <v>113</v>
      </c>
      <c r="AB27" s="11" t="s">
        <v>114</v>
      </c>
    </row>
    <row r="28" spans="1:28">
      <c r="A28" s="11" t="s">
        <v>40</v>
      </c>
      <c r="B28" s="48">
        <v>44285</v>
      </c>
      <c r="C28" s="11" t="s">
        <v>45</v>
      </c>
      <c r="D28" s="11">
        <v>3</v>
      </c>
      <c r="E28" s="11">
        <v>2021</v>
      </c>
      <c r="F28" s="11" t="s">
        <v>97</v>
      </c>
      <c r="G28" s="11" t="s">
        <v>98</v>
      </c>
      <c r="H28" s="11" t="s">
        <v>115</v>
      </c>
      <c r="I28" s="11" t="s">
        <v>100</v>
      </c>
      <c r="J28" s="11" t="s">
        <v>101</v>
      </c>
      <c r="K28" s="11">
        <v>804960</v>
      </c>
      <c r="L28" s="11" t="s">
        <v>102</v>
      </c>
      <c r="M28" s="11" t="s">
        <v>102</v>
      </c>
      <c r="N28" s="11" t="s">
        <v>103</v>
      </c>
      <c r="O28" s="11" t="s">
        <v>104</v>
      </c>
      <c r="P28" s="11" t="s">
        <v>105</v>
      </c>
      <c r="Q28" s="11" t="s">
        <v>106</v>
      </c>
      <c r="R28" s="11" t="s">
        <v>107</v>
      </c>
      <c r="S28" s="11" t="s">
        <v>108</v>
      </c>
      <c r="T28" s="11" t="s">
        <v>102</v>
      </c>
      <c r="U28" s="11" t="s">
        <v>116</v>
      </c>
      <c r="V28" s="11" t="s">
        <v>161</v>
      </c>
      <c r="W28" s="11">
        <v>3</v>
      </c>
      <c r="X28" s="11" t="s">
        <v>111</v>
      </c>
      <c r="Y28" s="11" t="s">
        <v>162</v>
      </c>
      <c r="Z28" s="11" t="s">
        <v>102</v>
      </c>
      <c r="AA28" s="11" t="s">
        <v>113</v>
      </c>
      <c r="AB28" s="11" t="s">
        <v>114</v>
      </c>
    </row>
    <row r="29" spans="1:28">
      <c r="A29" s="11" t="s">
        <v>41</v>
      </c>
      <c r="B29" s="48">
        <v>44286</v>
      </c>
      <c r="C29" s="11" t="s">
        <v>45</v>
      </c>
      <c r="D29" s="11">
        <v>3</v>
      </c>
      <c r="E29" s="11">
        <v>2021</v>
      </c>
      <c r="F29" s="11" t="s">
        <v>97</v>
      </c>
      <c r="G29" s="11" t="s">
        <v>98</v>
      </c>
      <c r="H29" s="11" t="s">
        <v>115</v>
      </c>
      <c r="I29" s="11" t="s">
        <v>100</v>
      </c>
      <c r="J29" s="11" t="s">
        <v>101</v>
      </c>
      <c r="K29" s="11">
        <v>30123</v>
      </c>
      <c r="L29" s="11" t="s">
        <v>102</v>
      </c>
      <c r="M29" s="11" t="s">
        <v>102</v>
      </c>
      <c r="N29" s="11" t="s">
        <v>103</v>
      </c>
      <c r="O29" s="11" t="s">
        <v>121</v>
      </c>
      <c r="P29" s="11" t="s">
        <v>105</v>
      </c>
      <c r="Q29" s="11" t="s">
        <v>106</v>
      </c>
      <c r="R29" s="11" t="s">
        <v>107</v>
      </c>
      <c r="S29" s="11" t="s">
        <v>108</v>
      </c>
      <c r="T29" s="11" t="s">
        <v>102</v>
      </c>
      <c r="U29" s="11" t="s">
        <v>109</v>
      </c>
      <c r="V29" s="11" t="s">
        <v>163</v>
      </c>
      <c r="W29" s="11">
        <v>8</v>
      </c>
      <c r="X29" s="11" t="s">
        <v>111</v>
      </c>
      <c r="Y29" s="11" t="s">
        <v>159</v>
      </c>
      <c r="Z29" s="11" t="s">
        <v>102</v>
      </c>
      <c r="AA29" s="11" t="s">
        <v>113</v>
      </c>
      <c r="AB29" s="11" t="s">
        <v>123</v>
      </c>
    </row>
    <row r="30" spans="1:28">
      <c r="A30" s="11" t="s">
        <v>41</v>
      </c>
      <c r="B30" s="48">
        <v>44286</v>
      </c>
      <c r="C30" s="11" t="s">
        <v>45</v>
      </c>
      <c r="D30" s="11">
        <v>3</v>
      </c>
      <c r="E30" s="11">
        <v>2021</v>
      </c>
      <c r="F30" s="11" t="s">
        <v>97</v>
      </c>
      <c r="G30" s="11" t="s">
        <v>98</v>
      </c>
      <c r="H30" s="11" t="s">
        <v>115</v>
      </c>
      <c r="I30" s="11" t="s">
        <v>100</v>
      </c>
      <c r="J30" s="11" t="s">
        <v>101</v>
      </c>
      <c r="K30" s="11">
        <v>-30123</v>
      </c>
      <c r="L30" s="11" t="s">
        <v>102</v>
      </c>
      <c r="M30" s="11" t="s">
        <v>102</v>
      </c>
      <c r="N30" s="11" t="s">
        <v>103</v>
      </c>
      <c r="O30" s="11" t="s">
        <v>121</v>
      </c>
      <c r="P30" s="11" t="s">
        <v>105</v>
      </c>
      <c r="Q30" s="11" t="s">
        <v>106</v>
      </c>
      <c r="R30" s="11" t="s">
        <v>107</v>
      </c>
      <c r="S30" s="11" t="s">
        <v>108</v>
      </c>
      <c r="T30" s="11" t="s">
        <v>102</v>
      </c>
      <c r="U30" s="11" t="s">
        <v>116</v>
      </c>
      <c r="V30" s="11" t="s">
        <v>164</v>
      </c>
      <c r="W30" s="11">
        <v>8</v>
      </c>
      <c r="X30" s="11" t="s">
        <v>111</v>
      </c>
      <c r="Y30" s="11" t="s">
        <v>159</v>
      </c>
      <c r="Z30" s="11" t="s">
        <v>102</v>
      </c>
      <c r="AA30" s="11" t="s">
        <v>113</v>
      </c>
      <c r="AB30" s="11" t="s">
        <v>123</v>
      </c>
    </row>
    <row r="31" spans="1:28">
      <c r="A31" s="11" t="s">
        <v>41</v>
      </c>
      <c r="B31" s="48">
        <v>44285</v>
      </c>
      <c r="C31" s="11" t="s">
        <v>45</v>
      </c>
      <c r="D31" s="11">
        <v>3</v>
      </c>
      <c r="E31" s="11">
        <v>2021</v>
      </c>
      <c r="F31" s="11" t="s">
        <v>97</v>
      </c>
      <c r="G31" s="11" t="s">
        <v>98</v>
      </c>
      <c r="H31" s="11" t="s">
        <v>115</v>
      </c>
      <c r="I31" s="11" t="s">
        <v>100</v>
      </c>
      <c r="J31" s="11" t="s">
        <v>101</v>
      </c>
      <c r="K31" s="11">
        <v>30123</v>
      </c>
      <c r="L31" s="11" t="s">
        <v>102</v>
      </c>
      <c r="M31" s="11" t="s">
        <v>102</v>
      </c>
      <c r="N31" s="11" t="s">
        <v>103</v>
      </c>
      <c r="O31" s="11" t="s">
        <v>121</v>
      </c>
      <c r="P31" s="11" t="s">
        <v>105</v>
      </c>
      <c r="Q31" s="11" t="s">
        <v>106</v>
      </c>
      <c r="R31" s="11" t="s">
        <v>107</v>
      </c>
      <c r="S31" s="11" t="s">
        <v>108</v>
      </c>
      <c r="T31" s="11" t="s">
        <v>102</v>
      </c>
      <c r="U31" s="11" t="s">
        <v>116</v>
      </c>
      <c r="V31" s="11" t="s">
        <v>165</v>
      </c>
      <c r="W31" s="11">
        <v>8</v>
      </c>
      <c r="X31" s="11" t="s">
        <v>111</v>
      </c>
      <c r="Y31" s="11" t="s">
        <v>162</v>
      </c>
      <c r="Z31" s="11" t="s">
        <v>102</v>
      </c>
      <c r="AA31" s="11" t="s">
        <v>113</v>
      </c>
      <c r="AB31" s="11" t="s">
        <v>123</v>
      </c>
    </row>
    <row r="32" spans="1:28">
      <c r="A32" s="11" t="s">
        <v>41</v>
      </c>
      <c r="B32" s="48">
        <v>44621</v>
      </c>
      <c r="C32" s="11" t="s">
        <v>137</v>
      </c>
      <c r="D32" s="11">
        <v>3</v>
      </c>
      <c r="E32" s="11">
        <v>2022</v>
      </c>
      <c r="F32" s="11" t="s">
        <v>97</v>
      </c>
      <c r="G32" s="11" t="s">
        <v>98</v>
      </c>
      <c r="H32" s="11" t="s">
        <v>99</v>
      </c>
      <c r="I32" s="11" t="s">
        <v>130</v>
      </c>
      <c r="J32" s="11" t="s">
        <v>101</v>
      </c>
      <c r="K32" s="11">
        <v>234221</v>
      </c>
      <c r="L32" s="11" t="s">
        <v>102</v>
      </c>
      <c r="M32" s="11" t="s">
        <v>102</v>
      </c>
      <c r="N32" s="11" t="s">
        <v>103</v>
      </c>
      <c r="O32" s="11" t="s">
        <v>132</v>
      </c>
      <c r="P32" s="11" t="s">
        <v>133</v>
      </c>
      <c r="Q32" s="11" t="s">
        <v>106</v>
      </c>
      <c r="R32" s="11" t="s">
        <v>107</v>
      </c>
      <c r="S32" s="11" t="s">
        <v>108</v>
      </c>
      <c r="T32" s="11" t="s">
        <v>102</v>
      </c>
      <c r="U32" s="11" t="s">
        <v>116</v>
      </c>
      <c r="V32" s="11" t="s">
        <v>166</v>
      </c>
      <c r="W32" s="11">
        <v>19</v>
      </c>
      <c r="X32" s="11" t="s">
        <v>139</v>
      </c>
      <c r="Y32" s="11" t="s">
        <v>162</v>
      </c>
      <c r="Z32" s="11" t="s">
        <v>102</v>
      </c>
      <c r="AA32" s="11" t="s">
        <v>113</v>
      </c>
      <c r="AB32" s="11" t="s">
        <v>142</v>
      </c>
    </row>
    <row r="33" spans="1:28">
      <c r="A33" s="11" t="s">
        <v>41</v>
      </c>
      <c r="B33" s="48">
        <v>44621</v>
      </c>
      <c r="C33" s="11" t="s">
        <v>137</v>
      </c>
      <c r="D33" s="11">
        <v>3</v>
      </c>
      <c r="E33" s="11">
        <v>2022</v>
      </c>
      <c r="F33" s="11" t="s">
        <v>97</v>
      </c>
      <c r="G33" s="11" t="s">
        <v>98</v>
      </c>
      <c r="H33" s="11" t="s">
        <v>99</v>
      </c>
      <c r="I33" s="11" t="s">
        <v>130</v>
      </c>
      <c r="J33" s="11" t="s">
        <v>101</v>
      </c>
      <c r="K33" s="11">
        <v>277024</v>
      </c>
      <c r="L33" s="11" t="s">
        <v>102</v>
      </c>
      <c r="M33" s="11" t="s">
        <v>102</v>
      </c>
      <c r="N33" s="11" t="s">
        <v>103</v>
      </c>
      <c r="O33" s="11" t="s">
        <v>132</v>
      </c>
      <c r="P33" s="11" t="s">
        <v>133</v>
      </c>
      <c r="Q33" s="11" t="s">
        <v>106</v>
      </c>
      <c r="R33" s="11" t="s">
        <v>107</v>
      </c>
      <c r="S33" s="11" t="s">
        <v>108</v>
      </c>
      <c r="T33" s="11" t="s">
        <v>102</v>
      </c>
      <c r="U33" s="11" t="s">
        <v>116</v>
      </c>
      <c r="V33" s="11" t="s">
        <v>166</v>
      </c>
      <c r="W33" s="11">
        <v>84</v>
      </c>
      <c r="X33" s="11" t="s">
        <v>139</v>
      </c>
      <c r="Y33" s="11" t="s">
        <v>162</v>
      </c>
      <c r="Z33" s="11" t="s">
        <v>102</v>
      </c>
      <c r="AA33" s="11" t="s">
        <v>113</v>
      </c>
      <c r="AB33" s="11" t="s">
        <v>141</v>
      </c>
    </row>
    <row r="34" spans="1:28">
      <c r="A34" s="11" t="s">
        <v>41</v>
      </c>
      <c r="B34" s="48">
        <v>44651</v>
      </c>
      <c r="C34" s="11" t="s">
        <v>167</v>
      </c>
      <c r="D34" s="11">
        <v>3</v>
      </c>
      <c r="E34" s="11">
        <v>2022</v>
      </c>
      <c r="F34" s="11" t="s">
        <v>97</v>
      </c>
      <c r="G34" s="11" t="s">
        <v>98</v>
      </c>
      <c r="H34" s="11" t="s">
        <v>129</v>
      </c>
      <c r="I34" s="11" t="s">
        <v>130</v>
      </c>
      <c r="J34" s="11" t="s">
        <v>131</v>
      </c>
      <c r="K34" s="11">
        <v>-255622.5</v>
      </c>
      <c r="L34" s="11" t="s">
        <v>102</v>
      </c>
      <c r="M34" s="11" t="s">
        <v>102</v>
      </c>
      <c r="N34" s="11" t="s">
        <v>103</v>
      </c>
      <c r="O34" s="11" t="s">
        <v>132</v>
      </c>
      <c r="P34" s="11" t="s">
        <v>133</v>
      </c>
      <c r="Q34" s="11" t="s">
        <v>106</v>
      </c>
      <c r="R34" s="11" t="s">
        <v>107</v>
      </c>
      <c r="S34" s="11" t="s">
        <v>108</v>
      </c>
      <c r="T34" s="11" t="s">
        <v>102</v>
      </c>
      <c r="U34" s="11" t="s">
        <v>116</v>
      </c>
      <c r="V34" s="11" t="s">
        <v>168</v>
      </c>
      <c r="W34" s="11">
        <v>191</v>
      </c>
      <c r="X34" s="11" t="s">
        <v>135</v>
      </c>
      <c r="Y34" s="11" t="s">
        <v>136</v>
      </c>
      <c r="Z34" s="11" t="s">
        <v>102</v>
      </c>
      <c r="AA34" s="11" t="s">
        <v>102</v>
      </c>
      <c r="AB34" s="11" t="s">
        <v>129</v>
      </c>
    </row>
    <row r="35" spans="1:28">
      <c r="A35" s="11" t="s">
        <v>42</v>
      </c>
      <c r="B35" s="48">
        <v>44286</v>
      </c>
      <c r="C35" s="11" t="s">
        <v>45</v>
      </c>
      <c r="D35" s="11">
        <v>3</v>
      </c>
      <c r="E35" s="11">
        <v>2021</v>
      </c>
      <c r="F35" s="11" t="s">
        <v>97</v>
      </c>
      <c r="G35" s="11" t="s">
        <v>98</v>
      </c>
      <c r="H35" s="11" t="s">
        <v>115</v>
      </c>
      <c r="I35" s="11" t="s">
        <v>100</v>
      </c>
      <c r="J35" s="11" t="s">
        <v>101</v>
      </c>
      <c r="K35" s="11">
        <v>-424428</v>
      </c>
      <c r="L35" s="11" t="s">
        <v>102</v>
      </c>
      <c r="M35" s="11" t="s">
        <v>102</v>
      </c>
      <c r="N35" s="11" t="s">
        <v>103</v>
      </c>
      <c r="O35" s="11" t="s">
        <v>143</v>
      </c>
      <c r="P35" s="11" t="s">
        <v>105</v>
      </c>
      <c r="Q35" s="11" t="s">
        <v>106</v>
      </c>
      <c r="R35" s="11" t="s">
        <v>107</v>
      </c>
      <c r="S35" s="11" t="s">
        <v>108</v>
      </c>
      <c r="T35" s="11" t="s">
        <v>102</v>
      </c>
      <c r="U35" s="11" t="s">
        <v>116</v>
      </c>
      <c r="V35" s="11" t="s">
        <v>169</v>
      </c>
      <c r="W35" s="11">
        <v>48</v>
      </c>
      <c r="X35" s="11" t="s">
        <v>111</v>
      </c>
      <c r="Y35" s="11" t="s">
        <v>159</v>
      </c>
      <c r="Z35" s="11" t="s">
        <v>102</v>
      </c>
      <c r="AA35" s="11" t="s">
        <v>113</v>
      </c>
      <c r="AB35" s="11" t="s">
        <v>145</v>
      </c>
    </row>
    <row r="36" spans="1:28">
      <c r="A36" s="11" t="s">
        <v>42</v>
      </c>
      <c r="B36" s="48">
        <v>44285</v>
      </c>
      <c r="C36" s="11" t="s">
        <v>45</v>
      </c>
      <c r="D36" s="11">
        <v>3</v>
      </c>
      <c r="E36" s="11">
        <v>2021</v>
      </c>
      <c r="F36" s="11" t="s">
        <v>97</v>
      </c>
      <c r="G36" s="11" t="s">
        <v>98</v>
      </c>
      <c r="H36" s="11" t="s">
        <v>115</v>
      </c>
      <c r="I36" s="11" t="s">
        <v>100</v>
      </c>
      <c r="J36" s="11" t="s">
        <v>101</v>
      </c>
      <c r="K36" s="11">
        <v>424428</v>
      </c>
      <c r="L36" s="11" t="s">
        <v>102</v>
      </c>
      <c r="M36" s="11" t="s">
        <v>102</v>
      </c>
      <c r="N36" s="11" t="s">
        <v>103</v>
      </c>
      <c r="O36" s="11" t="s">
        <v>143</v>
      </c>
      <c r="P36" s="11" t="s">
        <v>105</v>
      </c>
      <c r="Q36" s="11" t="s">
        <v>106</v>
      </c>
      <c r="R36" s="11" t="s">
        <v>107</v>
      </c>
      <c r="S36" s="11" t="s">
        <v>108</v>
      </c>
      <c r="T36" s="11" t="s">
        <v>102</v>
      </c>
      <c r="U36" s="11" t="s">
        <v>116</v>
      </c>
      <c r="V36" s="11" t="s">
        <v>170</v>
      </c>
      <c r="W36" s="11">
        <v>46</v>
      </c>
      <c r="X36" s="11" t="s">
        <v>111</v>
      </c>
      <c r="Y36" s="11" t="s">
        <v>162</v>
      </c>
      <c r="Z36" s="11" t="s">
        <v>102</v>
      </c>
      <c r="AA36" s="11" t="s">
        <v>113</v>
      </c>
      <c r="AB36" s="11" t="s">
        <v>145</v>
      </c>
    </row>
    <row r="37" spans="1:28">
      <c r="A37" s="11" t="s">
        <v>42</v>
      </c>
      <c r="B37" s="48">
        <v>44286</v>
      </c>
      <c r="C37" s="11" t="s">
        <v>45</v>
      </c>
      <c r="D37" s="11">
        <v>3</v>
      </c>
      <c r="E37" s="11">
        <v>2021</v>
      </c>
      <c r="F37" s="11" t="s">
        <v>97</v>
      </c>
      <c r="G37" s="11" t="s">
        <v>98</v>
      </c>
      <c r="H37" s="11" t="s">
        <v>115</v>
      </c>
      <c r="I37" s="11" t="s">
        <v>100</v>
      </c>
      <c r="J37" s="11" t="s">
        <v>101</v>
      </c>
      <c r="K37" s="11">
        <v>424428</v>
      </c>
      <c r="L37" s="11" t="s">
        <v>102</v>
      </c>
      <c r="M37" s="11" t="s">
        <v>102</v>
      </c>
      <c r="N37" s="11" t="s">
        <v>103</v>
      </c>
      <c r="O37" s="11" t="s">
        <v>143</v>
      </c>
      <c r="P37" s="11" t="s">
        <v>105</v>
      </c>
      <c r="Q37" s="11" t="s">
        <v>106</v>
      </c>
      <c r="R37" s="11" t="s">
        <v>107</v>
      </c>
      <c r="S37" s="11" t="s">
        <v>108</v>
      </c>
      <c r="T37" s="11" t="s">
        <v>102</v>
      </c>
      <c r="U37" s="11" t="s">
        <v>109</v>
      </c>
      <c r="V37" s="11" t="s">
        <v>171</v>
      </c>
      <c r="W37" s="11">
        <v>48</v>
      </c>
      <c r="X37" s="11" t="s">
        <v>111</v>
      </c>
      <c r="Y37" s="11" t="s">
        <v>159</v>
      </c>
      <c r="Z37" s="11" t="s">
        <v>102</v>
      </c>
      <c r="AA37" s="11" t="s">
        <v>113</v>
      </c>
      <c r="AB37" s="11" t="s">
        <v>145</v>
      </c>
    </row>
    <row r="38" spans="1:28">
      <c r="A38" s="11" t="s">
        <v>40</v>
      </c>
      <c r="B38" s="48">
        <v>44316</v>
      </c>
      <c r="C38" s="11" t="s">
        <v>45</v>
      </c>
      <c r="D38" s="11">
        <v>4</v>
      </c>
      <c r="E38" s="11">
        <v>2021</v>
      </c>
      <c r="F38" s="11" t="s">
        <v>97</v>
      </c>
      <c r="G38" s="11" t="s">
        <v>98</v>
      </c>
      <c r="H38" s="11" t="s">
        <v>115</v>
      </c>
      <c r="I38" s="11" t="s">
        <v>100</v>
      </c>
      <c r="J38" s="11" t="s">
        <v>101</v>
      </c>
      <c r="K38" s="11">
        <v>804960</v>
      </c>
      <c r="L38" s="11" t="s">
        <v>102</v>
      </c>
      <c r="M38" s="11" t="s">
        <v>102</v>
      </c>
      <c r="N38" s="11" t="s">
        <v>103</v>
      </c>
      <c r="O38" s="11" t="s">
        <v>104</v>
      </c>
      <c r="P38" s="11" t="s">
        <v>105</v>
      </c>
      <c r="Q38" s="11" t="s">
        <v>106</v>
      </c>
      <c r="R38" s="11" t="s">
        <v>107</v>
      </c>
      <c r="S38" s="11" t="s">
        <v>108</v>
      </c>
      <c r="T38" s="11" t="s">
        <v>102</v>
      </c>
      <c r="U38" s="11" t="s">
        <v>116</v>
      </c>
      <c r="V38" s="11" t="s">
        <v>172</v>
      </c>
      <c r="W38" s="11">
        <v>3</v>
      </c>
      <c r="X38" s="11" t="s">
        <v>111</v>
      </c>
      <c r="Y38" s="11" t="s">
        <v>173</v>
      </c>
      <c r="Z38" s="11" t="s">
        <v>102</v>
      </c>
      <c r="AA38" s="11" t="s">
        <v>113</v>
      </c>
      <c r="AB38" s="11" t="s">
        <v>114</v>
      </c>
    </row>
    <row r="39" spans="1:28">
      <c r="A39" s="11" t="s">
        <v>41</v>
      </c>
      <c r="B39" s="48">
        <v>44316</v>
      </c>
      <c r="C39" s="11" t="s">
        <v>45</v>
      </c>
      <c r="D39" s="11">
        <v>4</v>
      </c>
      <c r="E39" s="11">
        <v>2021</v>
      </c>
      <c r="F39" s="11" t="s">
        <v>97</v>
      </c>
      <c r="G39" s="11" t="s">
        <v>98</v>
      </c>
      <c r="H39" s="11" t="s">
        <v>115</v>
      </c>
      <c r="I39" s="11" t="s">
        <v>100</v>
      </c>
      <c r="J39" s="11" t="s">
        <v>101</v>
      </c>
      <c r="K39" s="11">
        <v>30123</v>
      </c>
      <c r="L39" s="11" t="s">
        <v>102</v>
      </c>
      <c r="M39" s="11" t="s">
        <v>102</v>
      </c>
      <c r="N39" s="11" t="s">
        <v>103</v>
      </c>
      <c r="O39" s="11" t="s">
        <v>121</v>
      </c>
      <c r="P39" s="11" t="s">
        <v>105</v>
      </c>
      <c r="Q39" s="11" t="s">
        <v>106</v>
      </c>
      <c r="R39" s="11" t="s">
        <v>107</v>
      </c>
      <c r="S39" s="11" t="s">
        <v>108</v>
      </c>
      <c r="T39" s="11" t="s">
        <v>102</v>
      </c>
      <c r="U39" s="11" t="s">
        <v>116</v>
      </c>
      <c r="V39" s="11" t="s">
        <v>174</v>
      </c>
      <c r="W39" s="11">
        <v>8</v>
      </c>
      <c r="X39" s="11" t="s">
        <v>111</v>
      </c>
      <c r="Y39" s="11" t="s">
        <v>173</v>
      </c>
      <c r="Z39" s="11" t="s">
        <v>102</v>
      </c>
      <c r="AA39" s="11" t="s">
        <v>113</v>
      </c>
      <c r="AB39" s="11" t="s">
        <v>123</v>
      </c>
    </row>
    <row r="40" spans="1:28">
      <c r="A40" s="11" t="s">
        <v>41</v>
      </c>
      <c r="B40" s="48">
        <v>44681</v>
      </c>
      <c r="C40" s="11" t="s">
        <v>175</v>
      </c>
      <c r="D40" s="11">
        <v>4</v>
      </c>
      <c r="E40" s="11">
        <v>2022</v>
      </c>
      <c r="F40" s="11" t="s">
        <v>97</v>
      </c>
      <c r="G40" s="11" t="s">
        <v>98</v>
      </c>
      <c r="H40" s="11" t="s">
        <v>129</v>
      </c>
      <c r="I40" s="11" t="s">
        <v>130</v>
      </c>
      <c r="J40" s="11" t="s">
        <v>131</v>
      </c>
      <c r="K40" s="11">
        <v>-255622.5</v>
      </c>
      <c r="L40" s="11" t="s">
        <v>102</v>
      </c>
      <c r="M40" s="11" t="s">
        <v>102</v>
      </c>
      <c r="N40" s="11" t="s">
        <v>103</v>
      </c>
      <c r="O40" s="11" t="s">
        <v>132</v>
      </c>
      <c r="P40" s="11" t="s">
        <v>133</v>
      </c>
      <c r="Q40" s="11" t="s">
        <v>106</v>
      </c>
      <c r="R40" s="11" t="s">
        <v>107</v>
      </c>
      <c r="S40" s="11" t="s">
        <v>108</v>
      </c>
      <c r="T40" s="11" t="s">
        <v>102</v>
      </c>
      <c r="U40" s="11" t="s">
        <v>116</v>
      </c>
      <c r="V40" s="11" t="s">
        <v>176</v>
      </c>
      <c r="W40" s="11">
        <v>191</v>
      </c>
      <c r="X40" s="11" t="s">
        <v>135</v>
      </c>
      <c r="Y40" s="11" t="s">
        <v>136</v>
      </c>
      <c r="Z40" s="11" t="s">
        <v>102</v>
      </c>
      <c r="AA40" s="11" t="s">
        <v>102</v>
      </c>
      <c r="AB40" s="11" t="s">
        <v>129</v>
      </c>
    </row>
    <row r="41" spans="1:28">
      <c r="A41" s="11" t="s">
        <v>41</v>
      </c>
      <c r="B41" s="48">
        <v>44681</v>
      </c>
      <c r="C41" s="11" t="s">
        <v>137</v>
      </c>
      <c r="D41" s="11">
        <v>4</v>
      </c>
      <c r="E41" s="11">
        <v>2022</v>
      </c>
      <c r="F41" s="11" t="s">
        <v>97</v>
      </c>
      <c r="G41" s="11" t="s">
        <v>98</v>
      </c>
      <c r="H41" s="11" t="s">
        <v>99</v>
      </c>
      <c r="I41" s="11" t="s">
        <v>130</v>
      </c>
      <c r="J41" s="11" t="s">
        <v>101</v>
      </c>
      <c r="K41" s="11">
        <v>277024</v>
      </c>
      <c r="L41" s="11" t="s">
        <v>102</v>
      </c>
      <c r="M41" s="11" t="s">
        <v>102</v>
      </c>
      <c r="N41" s="11" t="s">
        <v>103</v>
      </c>
      <c r="O41" s="11" t="s">
        <v>132</v>
      </c>
      <c r="P41" s="11" t="s">
        <v>133</v>
      </c>
      <c r="Q41" s="11" t="s">
        <v>106</v>
      </c>
      <c r="R41" s="11" t="s">
        <v>107</v>
      </c>
      <c r="S41" s="11" t="s">
        <v>108</v>
      </c>
      <c r="T41" s="11" t="s">
        <v>102</v>
      </c>
      <c r="U41" s="11" t="s">
        <v>116</v>
      </c>
      <c r="V41" s="11" t="s">
        <v>177</v>
      </c>
      <c r="W41" s="11">
        <v>84</v>
      </c>
      <c r="X41" s="11" t="s">
        <v>139</v>
      </c>
      <c r="Y41" s="11" t="s">
        <v>156</v>
      </c>
      <c r="Z41" s="11" t="s">
        <v>102</v>
      </c>
      <c r="AA41" s="11" t="s">
        <v>113</v>
      </c>
      <c r="AB41" s="11" t="s">
        <v>141</v>
      </c>
    </row>
    <row r="42" spans="1:28">
      <c r="A42" s="11" t="s">
        <v>41</v>
      </c>
      <c r="B42" s="48">
        <v>44681</v>
      </c>
      <c r="C42" s="11" t="s">
        <v>137</v>
      </c>
      <c r="D42" s="11">
        <v>4</v>
      </c>
      <c r="E42" s="11">
        <v>2022</v>
      </c>
      <c r="F42" s="11" t="s">
        <v>97</v>
      </c>
      <c r="G42" s="11" t="s">
        <v>98</v>
      </c>
      <c r="H42" s="11" t="s">
        <v>99</v>
      </c>
      <c r="I42" s="11" t="s">
        <v>130</v>
      </c>
      <c r="J42" s="11" t="s">
        <v>101</v>
      </c>
      <c r="K42" s="11">
        <v>234221</v>
      </c>
      <c r="L42" s="11" t="s">
        <v>102</v>
      </c>
      <c r="M42" s="11" t="s">
        <v>102</v>
      </c>
      <c r="N42" s="11" t="s">
        <v>103</v>
      </c>
      <c r="O42" s="11" t="s">
        <v>132</v>
      </c>
      <c r="P42" s="11" t="s">
        <v>133</v>
      </c>
      <c r="Q42" s="11" t="s">
        <v>106</v>
      </c>
      <c r="R42" s="11" t="s">
        <v>107</v>
      </c>
      <c r="S42" s="11" t="s">
        <v>108</v>
      </c>
      <c r="T42" s="11" t="s">
        <v>102</v>
      </c>
      <c r="U42" s="11" t="s">
        <v>116</v>
      </c>
      <c r="V42" s="11" t="s">
        <v>177</v>
      </c>
      <c r="W42" s="11">
        <v>19</v>
      </c>
      <c r="X42" s="11" t="s">
        <v>139</v>
      </c>
      <c r="Y42" s="11" t="s">
        <v>156</v>
      </c>
      <c r="Z42" s="11" t="s">
        <v>102</v>
      </c>
      <c r="AA42" s="11" t="s">
        <v>113</v>
      </c>
      <c r="AB42" s="11" t="s">
        <v>142</v>
      </c>
    </row>
    <row r="43" spans="1:28">
      <c r="A43" s="11" t="s">
        <v>42</v>
      </c>
      <c r="B43" s="48">
        <v>44316</v>
      </c>
      <c r="C43" s="11" t="s">
        <v>45</v>
      </c>
      <c r="D43" s="11">
        <v>4</v>
      </c>
      <c r="E43" s="11">
        <v>2021</v>
      </c>
      <c r="F43" s="11" t="s">
        <v>97</v>
      </c>
      <c r="G43" s="11" t="s">
        <v>98</v>
      </c>
      <c r="H43" s="11" t="s">
        <v>115</v>
      </c>
      <c r="I43" s="11" t="s">
        <v>100</v>
      </c>
      <c r="J43" s="11" t="s">
        <v>101</v>
      </c>
      <c r="K43" s="11">
        <v>424428</v>
      </c>
      <c r="L43" s="11" t="s">
        <v>102</v>
      </c>
      <c r="M43" s="11" t="s">
        <v>102</v>
      </c>
      <c r="N43" s="11" t="s">
        <v>103</v>
      </c>
      <c r="O43" s="11" t="s">
        <v>143</v>
      </c>
      <c r="P43" s="11" t="s">
        <v>105</v>
      </c>
      <c r="Q43" s="11" t="s">
        <v>106</v>
      </c>
      <c r="R43" s="11" t="s">
        <v>107</v>
      </c>
      <c r="S43" s="11" t="s">
        <v>108</v>
      </c>
      <c r="T43" s="11" t="s">
        <v>102</v>
      </c>
      <c r="U43" s="11" t="s">
        <v>116</v>
      </c>
      <c r="V43" s="11" t="s">
        <v>178</v>
      </c>
      <c r="W43" s="11">
        <v>46</v>
      </c>
      <c r="X43" s="11" t="s">
        <v>111</v>
      </c>
      <c r="Y43" s="11" t="s">
        <v>173</v>
      </c>
      <c r="Z43" s="11" t="s">
        <v>102</v>
      </c>
      <c r="AA43" s="11" t="s">
        <v>113</v>
      </c>
      <c r="AB43" s="11" t="s">
        <v>145</v>
      </c>
    </row>
    <row r="44" spans="1:28">
      <c r="A44" s="11" t="s">
        <v>40</v>
      </c>
      <c r="B44" s="48">
        <v>44347</v>
      </c>
      <c r="C44" s="11" t="s">
        <v>45</v>
      </c>
      <c r="D44" s="11">
        <v>5</v>
      </c>
      <c r="E44" s="11">
        <v>2021</v>
      </c>
      <c r="F44" s="11" t="s">
        <v>97</v>
      </c>
      <c r="G44" s="11" t="s">
        <v>98</v>
      </c>
      <c r="H44" s="11" t="s">
        <v>115</v>
      </c>
      <c r="I44" s="11" t="s">
        <v>100</v>
      </c>
      <c r="J44" s="11" t="s">
        <v>101</v>
      </c>
      <c r="K44" s="11">
        <v>804960</v>
      </c>
      <c r="L44" s="11" t="s">
        <v>102</v>
      </c>
      <c r="M44" s="11" t="s">
        <v>102</v>
      </c>
      <c r="N44" s="11" t="s">
        <v>103</v>
      </c>
      <c r="O44" s="11" t="s">
        <v>104</v>
      </c>
      <c r="P44" s="11" t="s">
        <v>105</v>
      </c>
      <c r="Q44" s="11" t="s">
        <v>106</v>
      </c>
      <c r="R44" s="11" t="s">
        <v>107</v>
      </c>
      <c r="S44" s="11" t="s">
        <v>108</v>
      </c>
      <c r="T44" s="11" t="s">
        <v>102</v>
      </c>
      <c r="U44" s="11" t="s">
        <v>116</v>
      </c>
      <c r="V44" s="11" t="s">
        <v>179</v>
      </c>
      <c r="W44" s="11">
        <v>3</v>
      </c>
      <c r="X44" s="11" t="s">
        <v>111</v>
      </c>
      <c r="Y44" s="11" t="s">
        <v>140</v>
      </c>
      <c r="Z44" s="11" t="s">
        <v>102</v>
      </c>
      <c r="AA44" s="11" t="s">
        <v>113</v>
      </c>
      <c r="AB44" s="11" t="s">
        <v>114</v>
      </c>
    </row>
    <row r="45" spans="1:28">
      <c r="A45" s="11" t="s">
        <v>41</v>
      </c>
      <c r="B45" s="48">
        <v>44347</v>
      </c>
      <c r="C45" s="11" t="s">
        <v>45</v>
      </c>
      <c r="D45" s="11">
        <v>5</v>
      </c>
      <c r="E45" s="11">
        <v>2021</v>
      </c>
      <c r="F45" s="11" t="s">
        <v>97</v>
      </c>
      <c r="G45" s="11" t="s">
        <v>98</v>
      </c>
      <c r="H45" s="11" t="s">
        <v>115</v>
      </c>
      <c r="I45" s="11" t="s">
        <v>100</v>
      </c>
      <c r="J45" s="11" t="s">
        <v>101</v>
      </c>
      <c r="K45" s="11">
        <v>30123</v>
      </c>
      <c r="L45" s="11" t="s">
        <v>102</v>
      </c>
      <c r="M45" s="11" t="s">
        <v>102</v>
      </c>
      <c r="N45" s="11" t="s">
        <v>103</v>
      </c>
      <c r="O45" s="11" t="s">
        <v>121</v>
      </c>
      <c r="P45" s="11" t="s">
        <v>105</v>
      </c>
      <c r="Q45" s="11" t="s">
        <v>106</v>
      </c>
      <c r="R45" s="11" t="s">
        <v>107</v>
      </c>
      <c r="S45" s="11" t="s">
        <v>108</v>
      </c>
      <c r="T45" s="11" t="s">
        <v>102</v>
      </c>
      <c r="U45" s="11" t="s">
        <v>116</v>
      </c>
      <c r="V45" s="11" t="s">
        <v>180</v>
      </c>
      <c r="W45" s="11">
        <v>8</v>
      </c>
      <c r="X45" s="11" t="s">
        <v>111</v>
      </c>
      <c r="Y45" s="11" t="s">
        <v>140</v>
      </c>
      <c r="Z45" s="11" t="s">
        <v>102</v>
      </c>
      <c r="AA45" s="11" t="s">
        <v>113</v>
      </c>
      <c r="AB45" s="11" t="s">
        <v>123</v>
      </c>
    </row>
    <row r="46" spans="1:28">
      <c r="A46" s="11" t="s">
        <v>41</v>
      </c>
      <c r="B46" s="48">
        <v>44712</v>
      </c>
      <c r="C46" s="11" t="s">
        <v>181</v>
      </c>
      <c r="D46" s="11">
        <v>5</v>
      </c>
      <c r="E46" s="11">
        <v>2022</v>
      </c>
      <c r="F46" s="11" t="s">
        <v>97</v>
      </c>
      <c r="G46" s="11" t="s">
        <v>98</v>
      </c>
      <c r="H46" s="11" t="s">
        <v>129</v>
      </c>
      <c r="I46" s="11" t="s">
        <v>130</v>
      </c>
      <c r="J46" s="11" t="s">
        <v>131</v>
      </c>
      <c r="K46" s="11">
        <v>-255622.5</v>
      </c>
      <c r="L46" s="11" t="s">
        <v>102</v>
      </c>
      <c r="M46" s="11" t="s">
        <v>102</v>
      </c>
      <c r="N46" s="11" t="s">
        <v>103</v>
      </c>
      <c r="O46" s="11" t="s">
        <v>132</v>
      </c>
      <c r="P46" s="11" t="s">
        <v>133</v>
      </c>
      <c r="Q46" s="11" t="s">
        <v>106</v>
      </c>
      <c r="R46" s="11" t="s">
        <v>107</v>
      </c>
      <c r="S46" s="11" t="s">
        <v>108</v>
      </c>
      <c r="T46" s="11" t="s">
        <v>102</v>
      </c>
      <c r="U46" s="11" t="s">
        <v>116</v>
      </c>
      <c r="V46" s="11" t="s">
        <v>182</v>
      </c>
      <c r="W46" s="11">
        <v>217</v>
      </c>
      <c r="X46" s="11" t="s">
        <v>135</v>
      </c>
      <c r="Y46" s="11" t="s">
        <v>136</v>
      </c>
      <c r="Z46" s="11" t="s">
        <v>102</v>
      </c>
      <c r="AA46" s="11" t="s">
        <v>102</v>
      </c>
      <c r="AB46" s="11" t="s">
        <v>129</v>
      </c>
    </row>
    <row r="47" spans="1:28">
      <c r="A47" s="11" t="s">
        <v>41</v>
      </c>
      <c r="B47" s="48">
        <v>44712</v>
      </c>
      <c r="C47" s="11" t="s">
        <v>137</v>
      </c>
      <c r="D47" s="11">
        <v>5</v>
      </c>
      <c r="E47" s="11">
        <v>2022</v>
      </c>
      <c r="F47" s="11" t="s">
        <v>97</v>
      </c>
      <c r="G47" s="11" t="s">
        <v>98</v>
      </c>
      <c r="H47" s="11" t="s">
        <v>99</v>
      </c>
      <c r="I47" s="11" t="s">
        <v>130</v>
      </c>
      <c r="J47" s="11" t="s">
        <v>101</v>
      </c>
      <c r="K47" s="11">
        <v>234221</v>
      </c>
      <c r="L47" s="11" t="s">
        <v>102</v>
      </c>
      <c r="M47" s="11" t="s">
        <v>102</v>
      </c>
      <c r="N47" s="11" t="s">
        <v>103</v>
      </c>
      <c r="O47" s="11" t="s">
        <v>132</v>
      </c>
      <c r="P47" s="11" t="s">
        <v>133</v>
      </c>
      <c r="Q47" s="11" t="s">
        <v>106</v>
      </c>
      <c r="R47" s="11" t="s">
        <v>107</v>
      </c>
      <c r="S47" s="11" t="s">
        <v>108</v>
      </c>
      <c r="T47" s="11" t="s">
        <v>102</v>
      </c>
      <c r="U47" s="11" t="s">
        <v>116</v>
      </c>
      <c r="V47" s="11" t="s">
        <v>183</v>
      </c>
      <c r="W47" s="11">
        <v>19</v>
      </c>
      <c r="X47" s="11" t="s">
        <v>139</v>
      </c>
      <c r="Y47" s="11" t="s">
        <v>184</v>
      </c>
      <c r="Z47" s="11" t="s">
        <v>102</v>
      </c>
      <c r="AA47" s="11" t="s">
        <v>113</v>
      </c>
      <c r="AB47" s="11" t="s">
        <v>142</v>
      </c>
    </row>
    <row r="48" spans="1:28">
      <c r="A48" s="11" t="s">
        <v>41</v>
      </c>
      <c r="B48" s="48">
        <v>44712</v>
      </c>
      <c r="C48" s="11" t="s">
        <v>137</v>
      </c>
      <c r="D48" s="11">
        <v>5</v>
      </c>
      <c r="E48" s="11">
        <v>2022</v>
      </c>
      <c r="F48" s="11" t="s">
        <v>97</v>
      </c>
      <c r="G48" s="11" t="s">
        <v>98</v>
      </c>
      <c r="H48" s="11" t="s">
        <v>99</v>
      </c>
      <c r="I48" s="11" t="s">
        <v>130</v>
      </c>
      <c r="J48" s="11" t="s">
        <v>101</v>
      </c>
      <c r="K48" s="11">
        <v>277024</v>
      </c>
      <c r="L48" s="11" t="s">
        <v>102</v>
      </c>
      <c r="M48" s="11" t="s">
        <v>102</v>
      </c>
      <c r="N48" s="11" t="s">
        <v>103</v>
      </c>
      <c r="O48" s="11" t="s">
        <v>132</v>
      </c>
      <c r="P48" s="11" t="s">
        <v>133</v>
      </c>
      <c r="Q48" s="11" t="s">
        <v>106</v>
      </c>
      <c r="R48" s="11" t="s">
        <v>107</v>
      </c>
      <c r="S48" s="11" t="s">
        <v>108</v>
      </c>
      <c r="T48" s="11" t="s">
        <v>102</v>
      </c>
      <c r="U48" s="11" t="s">
        <v>116</v>
      </c>
      <c r="V48" s="11" t="s">
        <v>183</v>
      </c>
      <c r="W48" s="11">
        <v>86</v>
      </c>
      <c r="X48" s="11" t="s">
        <v>139</v>
      </c>
      <c r="Y48" s="11" t="s">
        <v>184</v>
      </c>
      <c r="Z48" s="11" t="s">
        <v>102</v>
      </c>
      <c r="AA48" s="11" t="s">
        <v>113</v>
      </c>
      <c r="AB48" s="11" t="s">
        <v>141</v>
      </c>
    </row>
    <row r="49" spans="1:28">
      <c r="A49" s="11" t="s">
        <v>42</v>
      </c>
      <c r="B49" s="48">
        <v>44347</v>
      </c>
      <c r="C49" s="11" t="s">
        <v>45</v>
      </c>
      <c r="D49" s="11">
        <v>5</v>
      </c>
      <c r="E49" s="11">
        <v>2021</v>
      </c>
      <c r="F49" s="11" t="s">
        <v>97</v>
      </c>
      <c r="G49" s="11" t="s">
        <v>98</v>
      </c>
      <c r="H49" s="11" t="s">
        <v>115</v>
      </c>
      <c r="I49" s="11" t="s">
        <v>100</v>
      </c>
      <c r="J49" s="11" t="s">
        <v>101</v>
      </c>
      <c r="K49" s="11">
        <v>424428</v>
      </c>
      <c r="L49" s="11" t="s">
        <v>102</v>
      </c>
      <c r="M49" s="11" t="s">
        <v>102</v>
      </c>
      <c r="N49" s="11" t="s">
        <v>103</v>
      </c>
      <c r="O49" s="11" t="s">
        <v>143</v>
      </c>
      <c r="P49" s="11" t="s">
        <v>105</v>
      </c>
      <c r="Q49" s="11" t="s">
        <v>106</v>
      </c>
      <c r="R49" s="11" t="s">
        <v>107</v>
      </c>
      <c r="S49" s="11" t="s">
        <v>108</v>
      </c>
      <c r="T49" s="11" t="s">
        <v>102</v>
      </c>
      <c r="U49" s="11" t="s">
        <v>116</v>
      </c>
      <c r="V49" s="11" t="s">
        <v>185</v>
      </c>
      <c r="W49" s="11">
        <v>46</v>
      </c>
      <c r="X49" s="11" t="s">
        <v>111</v>
      </c>
      <c r="Y49" s="11" t="s">
        <v>140</v>
      </c>
      <c r="Z49" s="11" t="s">
        <v>102</v>
      </c>
      <c r="AA49" s="11" t="s">
        <v>113</v>
      </c>
      <c r="AB49" s="11" t="s">
        <v>145</v>
      </c>
    </row>
    <row r="50" spans="1:28">
      <c r="A50" s="11" t="s">
        <v>40</v>
      </c>
      <c r="B50" s="48">
        <v>44377</v>
      </c>
      <c r="C50" s="11" t="s">
        <v>45</v>
      </c>
      <c r="D50" s="11">
        <v>6</v>
      </c>
      <c r="E50" s="11">
        <v>2021</v>
      </c>
      <c r="F50" s="11" t="s">
        <v>97</v>
      </c>
      <c r="G50" s="11" t="s">
        <v>98</v>
      </c>
      <c r="H50" s="11" t="s">
        <v>115</v>
      </c>
      <c r="I50" s="11" t="s">
        <v>100</v>
      </c>
      <c r="J50" s="11" t="s">
        <v>101</v>
      </c>
      <c r="K50" s="11">
        <v>804960</v>
      </c>
      <c r="L50" s="11" t="s">
        <v>102</v>
      </c>
      <c r="M50" s="11" t="s">
        <v>102</v>
      </c>
      <c r="N50" s="11" t="s">
        <v>103</v>
      </c>
      <c r="O50" s="11" t="s">
        <v>104</v>
      </c>
      <c r="P50" s="11" t="s">
        <v>105</v>
      </c>
      <c r="Q50" s="11" t="s">
        <v>106</v>
      </c>
      <c r="R50" s="11" t="s">
        <v>107</v>
      </c>
      <c r="S50" s="11" t="s">
        <v>108</v>
      </c>
      <c r="T50" s="11" t="s">
        <v>102</v>
      </c>
      <c r="U50" s="11" t="s">
        <v>116</v>
      </c>
      <c r="V50" s="11" t="s">
        <v>186</v>
      </c>
      <c r="W50" s="11">
        <v>3</v>
      </c>
      <c r="X50" s="11" t="s">
        <v>111</v>
      </c>
      <c r="Y50" s="11" t="s">
        <v>151</v>
      </c>
      <c r="Z50" s="11" t="s">
        <v>102</v>
      </c>
      <c r="AA50" s="11" t="s">
        <v>113</v>
      </c>
      <c r="AB50" s="11" t="s">
        <v>114</v>
      </c>
    </row>
    <row r="51" spans="1:28">
      <c r="A51" s="11" t="s">
        <v>41</v>
      </c>
      <c r="B51" s="48">
        <v>44741</v>
      </c>
      <c r="C51" s="11" t="s">
        <v>137</v>
      </c>
      <c r="D51" s="11">
        <v>6</v>
      </c>
      <c r="E51" s="11">
        <v>2022</v>
      </c>
      <c r="F51" s="11" t="s">
        <v>97</v>
      </c>
      <c r="G51" s="11" t="s">
        <v>98</v>
      </c>
      <c r="H51" s="11" t="s">
        <v>187</v>
      </c>
      <c r="I51" s="11" t="s">
        <v>130</v>
      </c>
      <c r="J51" s="11" t="s">
        <v>101</v>
      </c>
      <c r="K51" s="11">
        <v>234228.33</v>
      </c>
      <c r="L51" s="11" t="s">
        <v>102</v>
      </c>
      <c r="M51" s="11" t="s">
        <v>102</v>
      </c>
      <c r="N51" s="11" t="s">
        <v>103</v>
      </c>
      <c r="O51" s="11" t="s">
        <v>132</v>
      </c>
      <c r="P51" s="11" t="s">
        <v>133</v>
      </c>
      <c r="Q51" s="11" t="s">
        <v>106</v>
      </c>
      <c r="R51" s="11" t="s">
        <v>107</v>
      </c>
      <c r="S51" s="11" t="s">
        <v>108</v>
      </c>
      <c r="T51" s="11" t="s">
        <v>102</v>
      </c>
      <c r="U51" s="11" t="s">
        <v>116</v>
      </c>
      <c r="V51" s="11" t="s">
        <v>188</v>
      </c>
      <c r="W51" s="11">
        <v>3</v>
      </c>
      <c r="X51" s="11" t="s">
        <v>111</v>
      </c>
      <c r="Y51" s="11" t="s">
        <v>112</v>
      </c>
      <c r="Z51" s="11" t="s">
        <v>102</v>
      </c>
      <c r="AA51" s="11" t="s">
        <v>113</v>
      </c>
      <c r="AB51" s="11" t="s">
        <v>189</v>
      </c>
    </row>
    <row r="52" spans="1:28">
      <c r="A52" s="11" t="s">
        <v>41</v>
      </c>
      <c r="B52" s="48">
        <v>44377</v>
      </c>
      <c r="C52" s="11" t="s">
        <v>45</v>
      </c>
      <c r="D52" s="11">
        <v>6</v>
      </c>
      <c r="E52" s="11">
        <v>2021</v>
      </c>
      <c r="F52" s="11" t="s">
        <v>97</v>
      </c>
      <c r="G52" s="11" t="s">
        <v>98</v>
      </c>
      <c r="H52" s="11" t="s">
        <v>115</v>
      </c>
      <c r="I52" s="11" t="s">
        <v>100</v>
      </c>
      <c r="J52" s="11" t="s">
        <v>101</v>
      </c>
      <c r="K52" s="11">
        <v>30123</v>
      </c>
      <c r="L52" s="11" t="s">
        <v>102</v>
      </c>
      <c r="M52" s="11" t="s">
        <v>102</v>
      </c>
      <c r="N52" s="11" t="s">
        <v>103</v>
      </c>
      <c r="O52" s="11" t="s">
        <v>121</v>
      </c>
      <c r="P52" s="11" t="s">
        <v>105</v>
      </c>
      <c r="Q52" s="11" t="s">
        <v>106</v>
      </c>
      <c r="R52" s="11" t="s">
        <v>107</v>
      </c>
      <c r="S52" s="11" t="s">
        <v>108</v>
      </c>
      <c r="T52" s="11" t="s">
        <v>102</v>
      </c>
      <c r="U52" s="11" t="s">
        <v>116</v>
      </c>
      <c r="V52" s="11" t="s">
        <v>190</v>
      </c>
      <c r="W52" s="11">
        <v>8</v>
      </c>
      <c r="X52" s="11" t="s">
        <v>111</v>
      </c>
      <c r="Y52" s="11" t="s">
        <v>151</v>
      </c>
      <c r="Z52" s="11" t="s">
        <v>102</v>
      </c>
      <c r="AA52" s="11" t="s">
        <v>113</v>
      </c>
      <c r="AB52" s="11" t="s">
        <v>123</v>
      </c>
    </row>
    <row r="53" spans="1:28">
      <c r="A53" s="11" t="s">
        <v>41</v>
      </c>
      <c r="B53" s="48">
        <v>44742</v>
      </c>
      <c r="C53" s="11" t="s">
        <v>191</v>
      </c>
      <c r="D53" s="11">
        <v>6</v>
      </c>
      <c r="E53" s="11">
        <v>2022</v>
      </c>
      <c r="F53" s="11" t="s">
        <v>97</v>
      </c>
      <c r="G53" s="11" t="s">
        <v>98</v>
      </c>
      <c r="H53" s="11" t="s">
        <v>192</v>
      </c>
      <c r="I53" s="11" t="s">
        <v>130</v>
      </c>
      <c r="J53" s="11" t="s">
        <v>193</v>
      </c>
      <c r="K53" s="11">
        <v>277025.71999999997</v>
      </c>
      <c r="L53" s="11" t="s">
        <v>102</v>
      </c>
      <c r="M53" s="11" t="s">
        <v>102</v>
      </c>
      <c r="N53" s="11" t="s">
        <v>103</v>
      </c>
      <c r="O53" s="11" t="s">
        <v>132</v>
      </c>
      <c r="P53" s="11" t="s">
        <v>133</v>
      </c>
      <c r="Q53" s="11" t="s">
        <v>106</v>
      </c>
      <c r="R53" s="11" t="s">
        <v>107</v>
      </c>
      <c r="S53" s="11" t="s">
        <v>108</v>
      </c>
      <c r="T53" s="11" t="s">
        <v>102</v>
      </c>
      <c r="U53" s="11" t="s">
        <v>116</v>
      </c>
      <c r="V53" s="11" t="s">
        <v>194</v>
      </c>
      <c r="W53" s="11">
        <v>145</v>
      </c>
      <c r="X53" s="11" t="s">
        <v>195</v>
      </c>
      <c r="Y53" s="11" t="s">
        <v>136</v>
      </c>
      <c r="Z53" s="11" t="s">
        <v>102</v>
      </c>
      <c r="AA53" s="11" t="s">
        <v>102</v>
      </c>
      <c r="AB53" s="11" t="s">
        <v>192</v>
      </c>
    </row>
    <row r="54" spans="1:28">
      <c r="A54" s="11" t="s">
        <v>41</v>
      </c>
      <c r="B54" s="48">
        <v>44742</v>
      </c>
      <c r="C54" s="11" t="s">
        <v>196</v>
      </c>
      <c r="D54" s="11">
        <v>6</v>
      </c>
      <c r="E54" s="11">
        <v>2022</v>
      </c>
      <c r="F54" s="11" t="s">
        <v>97</v>
      </c>
      <c r="G54" s="11" t="s">
        <v>98</v>
      </c>
      <c r="H54" s="11" t="s">
        <v>129</v>
      </c>
      <c r="I54" s="11" t="s">
        <v>130</v>
      </c>
      <c r="J54" s="11" t="s">
        <v>131</v>
      </c>
      <c r="K54" s="11">
        <v>-138512.85999999999</v>
      </c>
      <c r="L54" s="11" t="s">
        <v>102</v>
      </c>
      <c r="M54" s="11" t="s">
        <v>102</v>
      </c>
      <c r="N54" s="11" t="s">
        <v>103</v>
      </c>
      <c r="O54" s="11" t="s">
        <v>132</v>
      </c>
      <c r="P54" s="11" t="s">
        <v>133</v>
      </c>
      <c r="Q54" s="11" t="s">
        <v>106</v>
      </c>
      <c r="R54" s="11" t="s">
        <v>107</v>
      </c>
      <c r="S54" s="11" t="s">
        <v>108</v>
      </c>
      <c r="T54" s="11" t="s">
        <v>102</v>
      </c>
      <c r="U54" s="11" t="s">
        <v>116</v>
      </c>
      <c r="V54" s="11" t="s">
        <v>197</v>
      </c>
      <c r="W54" s="11">
        <v>176</v>
      </c>
      <c r="X54" s="11" t="s">
        <v>135</v>
      </c>
      <c r="Y54" s="11" t="s">
        <v>136</v>
      </c>
      <c r="Z54" s="11" t="s">
        <v>102</v>
      </c>
      <c r="AA54" s="11" t="s">
        <v>102</v>
      </c>
      <c r="AB54" s="11" t="s">
        <v>129</v>
      </c>
    </row>
    <row r="55" spans="1:28">
      <c r="A55" s="11" t="s">
        <v>42</v>
      </c>
      <c r="B55" s="48">
        <v>44377</v>
      </c>
      <c r="C55" s="11" t="s">
        <v>45</v>
      </c>
      <c r="D55" s="11">
        <v>6</v>
      </c>
      <c r="E55" s="11">
        <v>2021</v>
      </c>
      <c r="F55" s="11" t="s">
        <v>97</v>
      </c>
      <c r="G55" s="11" t="s">
        <v>98</v>
      </c>
      <c r="H55" s="11" t="s">
        <v>115</v>
      </c>
      <c r="I55" s="11" t="s">
        <v>100</v>
      </c>
      <c r="J55" s="11" t="s">
        <v>101</v>
      </c>
      <c r="K55" s="11">
        <v>424428</v>
      </c>
      <c r="L55" s="11" t="s">
        <v>102</v>
      </c>
      <c r="M55" s="11" t="s">
        <v>102</v>
      </c>
      <c r="N55" s="11" t="s">
        <v>103</v>
      </c>
      <c r="O55" s="11" t="s">
        <v>143</v>
      </c>
      <c r="P55" s="11" t="s">
        <v>105</v>
      </c>
      <c r="Q55" s="11" t="s">
        <v>106</v>
      </c>
      <c r="R55" s="11" t="s">
        <v>107</v>
      </c>
      <c r="S55" s="11" t="s">
        <v>108</v>
      </c>
      <c r="T55" s="11" t="s">
        <v>102</v>
      </c>
      <c r="U55" s="11" t="s">
        <v>116</v>
      </c>
      <c r="V55" s="11" t="s">
        <v>198</v>
      </c>
      <c r="W55" s="11">
        <v>46</v>
      </c>
      <c r="X55" s="11" t="s">
        <v>111</v>
      </c>
      <c r="Y55" s="11" t="s">
        <v>151</v>
      </c>
      <c r="Z55" s="11" t="s">
        <v>102</v>
      </c>
      <c r="AA55" s="11" t="s">
        <v>113</v>
      </c>
      <c r="AB55" s="11" t="s">
        <v>145</v>
      </c>
    </row>
    <row r="56" spans="1:28">
      <c r="A56" s="11" t="s">
        <v>40</v>
      </c>
      <c r="B56" s="48">
        <v>44408</v>
      </c>
      <c r="C56" s="11" t="s">
        <v>45</v>
      </c>
      <c r="D56" s="11">
        <v>7</v>
      </c>
      <c r="E56" s="11">
        <v>2021</v>
      </c>
      <c r="F56" s="11" t="s">
        <v>97</v>
      </c>
      <c r="G56" s="11" t="s">
        <v>98</v>
      </c>
      <c r="H56" s="11" t="s">
        <v>99</v>
      </c>
      <c r="I56" s="11" t="s">
        <v>100</v>
      </c>
      <c r="J56" s="11" t="s">
        <v>101</v>
      </c>
      <c r="K56" s="11">
        <v>804960</v>
      </c>
      <c r="L56" s="11" t="s">
        <v>102</v>
      </c>
      <c r="M56" s="11" t="s">
        <v>102</v>
      </c>
      <c r="N56" s="11" t="s">
        <v>103</v>
      </c>
      <c r="O56" s="11" t="s">
        <v>104</v>
      </c>
      <c r="P56" s="11" t="s">
        <v>105</v>
      </c>
      <c r="Q56" s="11" t="s">
        <v>106</v>
      </c>
      <c r="R56" s="11" t="s">
        <v>107</v>
      </c>
      <c r="S56" s="11" t="s">
        <v>108</v>
      </c>
      <c r="T56" s="11" t="s">
        <v>102</v>
      </c>
      <c r="U56" s="11" t="s">
        <v>116</v>
      </c>
      <c r="V56" s="11" t="s">
        <v>199</v>
      </c>
      <c r="W56" s="11">
        <v>3</v>
      </c>
      <c r="X56" s="11" t="s">
        <v>139</v>
      </c>
      <c r="Y56" s="11" t="s">
        <v>156</v>
      </c>
      <c r="Z56" s="11" t="s">
        <v>102</v>
      </c>
      <c r="AA56" s="11" t="s">
        <v>113</v>
      </c>
      <c r="AB56" s="11" t="s">
        <v>114</v>
      </c>
    </row>
    <row r="57" spans="1:28">
      <c r="A57" s="11" t="s">
        <v>41</v>
      </c>
      <c r="B57" s="48">
        <v>44408</v>
      </c>
      <c r="C57" s="11" t="s">
        <v>45</v>
      </c>
      <c r="D57" s="11">
        <v>7</v>
      </c>
      <c r="E57" s="11">
        <v>2021</v>
      </c>
      <c r="F57" s="11" t="s">
        <v>97</v>
      </c>
      <c r="G57" s="11" t="s">
        <v>98</v>
      </c>
      <c r="H57" s="11" t="s">
        <v>99</v>
      </c>
      <c r="I57" s="11" t="s">
        <v>100</v>
      </c>
      <c r="J57" s="11" t="s">
        <v>101</v>
      </c>
      <c r="K57" s="11">
        <v>30123</v>
      </c>
      <c r="L57" s="11" t="s">
        <v>102</v>
      </c>
      <c r="M57" s="11" t="s">
        <v>102</v>
      </c>
      <c r="N57" s="11" t="s">
        <v>103</v>
      </c>
      <c r="O57" s="11" t="s">
        <v>121</v>
      </c>
      <c r="P57" s="11" t="s">
        <v>200</v>
      </c>
      <c r="Q57" s="11" t="s">
        <v>106</v>
      </c>
      <c r="R57" s="11" t="s">
        <v>107</v>
      </c>
      <c r="S57" s="11" t="s">
        <v>108</v>
      </c>
      <c r="T57" s="11" t="s">
        <v>102</v>
      </c>
      <c r="U57" s="11" t="s">
        <v>116</v>
      </c>
      <c r="V57" s="11" t="s">
        <v>201</v>
      </c>
      <c r="W57" s="11">
        <v>8</v>
      </c>
      <c r="X57" s="11" t="s">
        <v>139</v>
      </c>
      <c r="Y57" s="11" t="s">
        <v>156</v>
      </c>
      <c r="Z57" s="11" t="s">
        <v>102</v>
      </c>
      <c r="AA57" s="11" t="s">
        <v>113</v>
      </c>
      <c r="AB57" s="11" t="s">
        <v>123</v>
      </c>
    </row>
    <row r="58" spans="1:28">
      <c r="A58" s="11" t="s">
        <v>41</v>
      </c>
      <c r="B58" s="48">
        <v>44408</v>
      </c>
      <c r="C58" s="11" t="s">
        <v>202</v>
      </c>
      <c r="D58" s="11">
        <v>7</v>
      </c>
      <c r="E58" s="11">
        <v>2021</v>
      </c>
      <c r="F58" s="11" t="s">
        <v>97</v>
      </c>
      <c r="G58" s="11" t="s">
        <v>98</v>
      </c>
      <c r="H58" s="11" t="s">
        <v>129</v>
      </c>
      <c r="I58" s="11" t="s">
        <v>130</v>
      </c>
      <c r="J58" s="11" t="s">
        <v>131</v>
      </c>
      <c r="K58" s="11">
        <v>-257171.5</v>
      </c>
      <c r="L58" s="11" t="s">
        <v>102</v>
      </c>
      <c r="M58" s="11" t="s">
        <v>102</v>
      </c>
      <c r="N58" s="11" t="s">
        <v>103</v>
      </c>
      <c r="O58" s="11" t="s">
        <v>132</v>
      </c>
      <c r="P58" s="11" t="s">
        <v>133</v>
      </c>
      <c r="Q58" s="11" t="s">
        <v>106</v>
      </c>
      <c r="R58" s="11" t="s">
        <v>107</v>
      </c>
      <c r="S58" s="11" t="s">
        <v>108</v>
      </c>
      <c r="T58" s="11" t="s">
        <v>102</v>
      </c>
      <c r="U58" s="11" t="s">
        <v>116</v>
      </c>
      <c r="V58" s="11" t="s">
        <v>203</v>
      </c>
      <c r="W58" s="11">
        <v>170</v>
      </c>
      <c r="X58" s="11" t="s">
        <v>135</v>
      </c>
      <c r="Y58" s="11" t="s">
        <v>136</v>
      </c>
      <c r="Z58" s="11" t="s">
        <v>102</v>
      </c>
      <c r="AA58" s="11" t="s">
        <v>102</v>
      </c>
      <c r="AB58" s="11" t="s">
        <v>129</v>
      </c>
    </row>
    <row r="59" spans="1:28">
      <c r="A59" s="11" t="s">
        <v>41</v>
      </c>
      <c r="B59" s="48">
        <v>44408</v>
      </c>
      <c r="C59" s="11" t="s">
        <v>137</v>
      </c>
      <c r="D59" s="11">
        <v>7</v>
      </c>
      <c r="E59" s="11">
        <v>2021</v>
      </c>
      <c r="F59" s="11" t="s">
        <v>97</v>
      </c>
      <c r="G59" s="11" t="s">
        <v>98</v>
      </c>
      <c r="H59" s="11" t="s">
        <v>99</v>
      </c>
      <c r="I59" s="11" t="s">
        <v>130</v>
      </c>
      <c r="J59" s="11" t="s">
        <v>101</v>
      </c>
      <c r="K59" s="11">
        <v>236151</v>
      </c>
      <c r="L59" s="11" t="s">
        <v>102</v>
      </c>
      <c r="M59" s="11" t="s">
        <v>102</v>
      </c>
      <c r="N59" s="11" t="s">
        <v>103</v>
      </c>
      <c r="O59" s="11" t="s">
        <v>132</v>
      </c>
      <c r="P59" s="11" t="s">
        <v>133</v>
      </c>
      <c r="Q59" s="11" t="s">
        <v>106</v>
      </c>
      <c r="R59" s="11" t="s">
        <v>107</v>
      </c>
      <c r="S59" s="11" t="s">
        <v>108</v>
      </c>
      <c r="T59" s="11" t="s">
        <v>102</v>
      </c>
      <c r="U59" s="11" t="s">
        <v>116</v>
      </c>
      <c r="V59" s="11" t="s">
        <v>204</v>
      </c>
      <c r="W59" s="11">
        <v>19</v>
      </c>
      <c r="X59" s="11" t="s">
        <v>139</v>
      </c>
      <c r="Y59" s="11" t="s">
        <v>156</v>
      </c>
      <c r="Z59" s="11" t="s">
        <v>102</v>
      </c>
      <c r="AA59" s="11" t="s">
        <v>113</v>
      </c>
      <c r="AB59" s="11" t="s">
        <v>142</v>
      </c>
    </row>
    <row r="60" spans="1:28">
      <c r="A60" s="11" t="s">
        <v>41</v>
      </c>
      <c r="B60" s="48">
        <v>44408</v>
      </c>
      <c r="C60" s="11" t="s">
        <v>137</v>
      </c>
      <c r="D60" s="11">
        <v>7</v>
      </c>
      <c r="E60" s="11">
        <v>2021</v>
      </c>
      <c r="F60" s="11" t="s">
        <v>97</v>
      </c>
      <c r="G60" s="11" t="s">
        <v>98</v>
      </c>
      <c r="H60" s="11" t="s">
        <v>99</v>
      </c>
      <c r="I60" s="11" t="s">
        <v>130</v>
      </c>
      <c r="J60" s="11" t="s">
        <v>101</v>
      </c>
      <c r="K60" s="11">
        <v>278192</v>
      </c>
      <c r="L60" s="11" t="s">
        <v>102</v>
      </c>
      <c r="M60" s="11" t="s">
        <v>102</v>
      </c>
      <c r="N60" s="11" t="s">
        <v>103</v>
      </c>
      <c r="O60" s="11" t="s">
        <v>132</v>
      </c>
      <c r="P60" s="11" t="s">
        <v>133</v>
      </c>
      <c r="Q60" s="11" t="s">
        <v>106</v>
      </c>
      <c r="R60" s="11" t="s">
        <v>107</v>
      </c>
      <c r="S60" s="11" t="s">
        <v>108</v>
      </c>
      <c r="T60" s="11" t="s">
        <v>102</v>
      </c>
      <c r="U60" s="11" t="s">
        <v>116</v>
      </c>
      <c r="V60" s="11" t="s">
        <v>204</v>
      </c>
      <c r="W60" s="11">
        <v>98</v>
      </c>
      <c r="X60" s="11" t="s">
        <v>139</v>
      </c>
      <c r="Y60" s="11" t="s">
        <v>156</v>
      </c>
      <c r="Z60" s="11" t="s">
        <v>102</v>
      </c>
      <c r="AA60" s="11" t="s">
        <v>113</v>
      </c>
      <c r="AB60" s="11" t="s">
        <v>141</v>
      </c>
    </row>
    <row r="61" spans="1:28">
      <c r="A61" s="11" t="s">
        <v>42</v>
      </c>
      <c r="B61" s="48">
        <v>44408</v>
      </c>
      <c r="C61" s="11" t="s">
        <v>45</v>
      </c>
      <c r="D61" s="11">
        <v>7</v>
      </c>
      <c r="E61" s="11">
        <v>2021</v>
      </c>
      <c r="F61" s="11" t="s">
        <v>97</v>
      </c>
      <c r="G61" s="11" t="s">
        <v>98</v>
      </c>
      <c r="H61" s="11" t="s">
        <v>99</v>
      </c>
      <c r="I61" s="11" t="s">
        <v>100</v>
      </c>
      <c r="J61" s="11" t="s">
        <v>101</v>
      </c>
      <c r="K61" s="11">
        <v>424428</v>
      </c>
      <c r="L61" s="11" t="s">
        <v>102</v>
      </c>
      <c r="M61" s="11" t="s">
        <v>102</v>
      </c>
      <c r="N61" s="11" t="s">
        <v>103</v>
      </c>
      <c r="O61" s="11" t="s">
        <v>143</v>
      </c>
      <c r="P61" s="11" t="s">
        <v>105</v>
      </c>
      <c r="Q61" s="11" t="s">
        <v>106</v>
      </c>
      <c r="R61" s="11" t="s">
        <v>107</v>
      </c>
      <c r="S61" s="11" t="s">
        <v>108</v>
      </c>
      <c r="T61" s="11" t="s">
        <v>102</v>
      </c>
      <c r="U61" s="11" t="s">
        <v>116</v>
      </c>
      <c r="V61" s="11" t="s">
        <v>205</v>
      </c>
      <c r="W61" s="11">
        <v>46</v>
      </c>
      <c r="X61" s="11" t="s">
        <v>139</v>
      </c>
      <c r="Y61" s="11" t="s">
        <v>156</v>
      </c>
      <c r="Z61" s="11" t="s">
        <v>102</v>
      </c>
      <c r="AA61" s="11" t="s">
        <v>113</v>
      </c>
      <c r="AB61" s="11" t="s">
        <v>145</v>
      </c>
    </row>
    <row r="62" spans="1:28">
      <c r="A62" s="11" t="s">
        <v>40</v>
      </c>
      <c r="B62" s="48">
        <v>44439</v>
      </c>
      <c r="C62" s="11" t="s">
        <v>45</v>
      </c>
      <c r="D62" s="11">
        <v>8</v>
      </c>
      <c r="E62" s="11">
        <v>2021</v>
      </c>
      <c r="F62" s="11" t="s">
        <v>97</v>
      </c>
      <c r="G62" s="11" t="s">
        <v>98</v>
      </c>
      <c r="H62" s="11" t="s">
        <v>99</v>
      </c>
      <c r="I62" s="11" t="s">
        <v>100</v>
      </c>
      <c r="J62" s="11" t="s">
        <v>101</v>
      </c>
      <c r="K62" s="11">
        <v>804960</v>
      </c>
      <c r="L62" s="11" t="s">
        <v>102</v>
      </c>
      <c r="M62" s="11" t="s">
        <v>102</v>
      </c>
      <c r="N62" s="11" t="s">
        <v>103</v>
      </c>
      <c r="O62" s="11" t="s">
        <v>104</v>
      </c>
      <c r="P62" s="11" t="s">
        <v>105</v>
      </c>
      <c r="Q62" s="11" t="s">
        <v>106</v>
      </c>
      <c r="R62" s="11" t="s">
        <v>107</v>
      </c>
      <c r="S62" s="11" t="s">
        <v>108</v>
      </c>
      <c r="T62" s="11" t="s">
        <v>102</v>
      </c>
      <c r="U62" s="11" t="s">
        <v>116</v>
      </c>
      <c r="V62" s="11" t="s">
        <v>206</v>
      </c>
      <c r="W62" s="11">
        <v>3</v>
      </c>
      <c r="X62" s="11" t="s">
        <v>139</v>
      </c>
      <c r="Y62" s="11" t="s">
        <v>156</v>
      </c>
      <c r="Z62" s="11" t="s">
        <v>102</v>
      </c>
      <c r="AA62" s="11" t="s">
        <v>113</v>
      </c>
      <c r="AB62" s="11" t="s">
        <v>114</v>
      </c>
    </row>
    <row r="63" spans="1:28">
      <c r="A63" s="11" t="s">
        <v>41</v>
      </c>
      <c r="B63" s="48">
        <v>44439</v>
      </c>
      <c r="C63" s="11" t="s">
        <v>45</v>
      </c>
      <c r="D63" s="11">
        <v>8</v>
      </c>
      <c r="E63" s="11">
        <v>2021</v>
      </c>
      <c r="F63" s="11" t="s">
        <v>97</v>
      </c>
      <c r="G63" s="11" t="s">
        <v>98</v>
      </c>
      <c r="H63" s="11" t="s">
        <v>99</v>
      </c>
      <c r="I63" s="11" t="s">
        <v>100</v>
      </c>
      <c r="J63" s="11" t="s">
        <v>101</v>
      </c>
      <c r="K63" s="11">
        <v>30123</v>
      </c>
      <c r="L63" s="11" t="s">
        <v>102</v>
      </c>
      <c r="M63" s="11" t="s">
        <v>102</v>
      </c>
      <c r="N63" s="11" t="s">
        <v>103</v>
      </c>
      <c r="O63" s="11" t="s">
        <v>121</v>
      </c>
      <c r="P63" s="11" t="s">
        <v>105</v>
      </c>
      <c r="Q63" s="11" t="s">
        <v>106</v>
      </c>
      <c r="R63" s="11" t="s">
        <v>107</v>
      </c>
      <c r="S63" s="11" t="s">
        <v>108</v>
      </c>
      <c r="T63" s="11" t="s">
        <v>102</v>
      </c>
      <c r="U63" s="11" t="s">
        <v>116</v>
      </c>
      <c r="V63" s="11" t="s">
        <v>207</v>
      </c>
      <c r="W63" s="11">
        <v>8</v>
      </c>
      <c r="X63" s="11" t="s">
        <v>139</v>
      </c>
      <c r="Y63" s="11" t="s">
        <v>156</v>
      </c>
      <c r="Z63" s="11" t="s">
        <v>102</v>
      </c>
      <c r="AA63" s="11" t="s">
        <v>113</v>
      </c>
      <c r="AB63" s="11" t="s">
        <v>123</v>
      </c>
    </row>
    <row r="64" spans="1:28">
      <c r="A64" s="11" t="s">
        <v>41</v>
      </c>
      <c r="B64" s="48">
        <v>44439</v>
      </c>
      <c r="C64" s="11" t="s">
        <v>208</v>
      </c>
      <c r="D64" s="11">
        <v>8</v>
      </c>
      <c r="E64" s="11">
        <v>2021</v>
      </c>
      <c r="F64" s="11" t="s">
        <v>97</v>
      </c>
      <c r="G64" s="11" t="s">
        <v>98</v>
      </c>
      <c r="H64" s="11" t="s">
        <v>129</v>
      </c>
      <c r="I64" s="11" t="s">
        <v>130</v>
      </c>
      <c r="J64" s="11" t="s">
        <v>131</v>
      </c>
      <c r="K64" s="11">
        <v>-257171.5</v>
      </c>
      <c r="L64" s="11" t="s">
        <v>102</v>
      </c>
      <c r="M64" s="11" t="s">
        <v>102</v>
      </c>
      <c r="N64" s="11" t="s">
        <v>103</v>
      </c>
      <c r="O64" s="11" t="s">
        <v>132</v>
      </c>
      <c r="P64" s="11" t="s">
        <v>133</v>
      </c>
      <c r="Q64" s="11" t="s">
        <v>106</v>
      </c>
      <c r="R64" s="11" t="s">
        <v>107</v>
      </c>
      <c r="S64" s="11" t="s">
        <v>108</v>
      </c>
      <c r="T64" s="11" t="s">
        <v>102</v>
      </c>
      <c r="U64" s="11" t="s">
        <v>116</v>
      </c>
      <c r="V64" s="11" t="s">
        <v>209</v>
      </c>
      <c r="W64" s="11">
        <v>183</v>
      </c>
      <c r="X64" s="11" t="s">
        <v>135</v>
      </c>
      <c r="Y64" s="11" t="s">
        <v>136</v>
      </c>
      <c r="Z64" s="11" t="s">
        <v>102</v>
      </c>
      <c r="AA64" s="11" t="s">
        <v>102</v>
      </c>
      <c r="AB64" s="11" t="s">
        <v>129</v>
      </c>
    </row>
    <row r="65" spans="1:28">
      <c r="A65" s="11" t="s">
        <v>41</v>
      </c>
      <c r="B65" s="48">
        <v>44439</v>
      </c>
      <c r="C65" s="11" t="s">
        <v>137</v>
      </c>
      <c r="D65" s="11">
        <v>8</v>
      </c>
      <c r="E65" s="11">
        <v>2021</v>
      </c>
      <c r="F65" s="11" t="s">
        <v>97</v>
      </c>
      <c r="G65" s="11" t="s">
        <v>98</v>
      </c>
      <c r="H65" s="11" t="s">
        <v>99</v>
      </c>
      <c r="I65" s="11" t="s">
        <v>130</v>
      </c>
      <c r="J65" s="11" t="s">
        <v>101</v>
      </c>
      <c r="K65" s="11">
        <v>236151</v>
      </c>
      <c r="L65" s="11" t="s">
        <v>102</v>
      </c>
      <c r="M65" s="11" t="s">
        <v>102</v>
      </c>
      <c r="N65" s="11" t="s">
        <v>103</v>
      </c>
      <c r="O65" s="11" t="s">
        <v>132</v>
      </c>
      <c r="P65" s="11" t="s">
        <v>133</v>
      </c>
      <c r="Q65" s="11" t="s">
        <v>106</v>
      </c>
      <c r="R65" s="11" t="s">
        <v>107</v>
      </c>
      <c r="S65" s="11" t="s">
        <v>108</v>
      </c>
      <c r="T65" s="11" t="s">
        <v>102</v>
      </c>
      <c r="U65" s="11" t="s">
        <v>116</v>
      </c>
      <c r="V65" s="11" t="s">
        <v>210</v>
      </c>
      <c r="W65" s="11">
        <v>19</v>
      </c>
      <c r="X65" s="11" t="s">
        <v>139</v>
      </c>
      <c r="Y65" s="11" t="s">
        <v>156</v>
      </c>
      <c r="Z65" s="11" t="s">
        <v>102</v>
      </c>
      <c r="AA65" s="11" t="s">
        <v>113</v>
      </c>
      <c r="AB65" s="11" t="s">
        <v>142</v>
      </c>
    </row>
    <row r="66" spans="1:28">
      <c r="A66" s="11" t="s">
        <v>41</v>
      </c>
      <c r="B66" s="48">
        <v>44439</v>
      </c>
      <c r="C66" s="11" t="s">
        <v>137</v>
      </c>
      <c r="D66" s="11">
        <v>8</v>
      </c>
      <c r="E66" s="11">
        <v>2021</v>
      </c>
      <c r="F66" s="11" t="s">
        <v>97</v>
      </c>
      <c r="G66" s="11" t="s">
        <v>98</v>
      </c>
      <c r="H66" s="11" t="s">
        <v>99</v>
      </c>
      <c r="I66" s="11" t="s">
        <v>130</v>
      </c>
      <c r="J66" s="11" t="s">
        <v>101</v>
      </c>
      <c r="K66" s="11">
        <v>278192</v>
      </c>
      <c r="L66" s="11" t="s">
        <v>102</v>
      </c>
      <c r="M66" s="11" t="s">
        <v>102</v>
      </c>
      <c r="N66" s="11" t="s">
        <v>103</v>
      </c>
      <c r="O66" s="11" t="s">
        <v>132</v>
      </c>
      <c r="P66" s="11" t="s">
        <v>133</v>
      </c>
      <c r="Q66" s="11" t="s">
        <v>106</v>
      </c>
      <c r="R66" s="11" t="s">
        <v>107</v>
      </c>
      <c r="S66" s="11" t="s">
        <v>108</v>
      </c>
      <c r="T66" s="11" t="s">
        <v>102</v>
      </c>
      <c r="U66" s="11" t="s">
        <v>116</v>
      </c>
      <c r="V66" s="11" t="s">
        <v>210</v>
      </c>
      <c r="W66" s="11">
        <v>88</v>
      </c>
      <c r="X66" s="11" t="s">
        <v>139</v>
      </c>
      <c r="Y66" s="11" t="s">
        <v>156</v>
      </c>
      <c r="Z66" s="11" t="s">
        <v>102</v>
      </c>
      <c r="AA66" s="11" t="s">
        <v>113</v>
      </c>
      <c r="AB66" s="11" t="s">
        <v>141</v>
      </c>
    </row>
    <row r="67" spans="1:28">
      <c r="A67" s="11" t="s">
        <v>42</v>
      </c>
      <c r="B67" s="48">
        <v>44439</v>
      </c>
      <c r="C67" s="11" t="s">
        <v>45</v>
      </c>
      <c r="D67" s="11">
        <v>8</v>
      </c>
      <c r="E67" s="11">
        <v>2021</v>
      </c>
      <c r="F67" s="11" t="s">
        <v>97</v>
      </c>
      <c r="G67" s="11" t="s">
        <v>98</v>
      </c>
      <c r="H67" s="11" t="s">
        <v>99</v>
      </c>
      <c r="I67" s="11" t="s">
        <v>100</v>
      </c>
      <c r="J67" s="11" t="s">
        <v>101</v>
      </c>
      <c r="K67" s="11">
        <v>424428</v>
      </c>
      <c r="L67" s="11" t="s">
        <v>102</v>
      </c>
      <c r="M67" s="11" t="s">
        <v>102</v>
      </c>
      <c r="N67" s="11" t="s">
        <v>103</v>
      </c>
      <c r="O67" s="11" t="s">
        <v>143</v>
      </c>
      <c r="P67" s="11" t="s">
        <v>105</v>
      </c>
      <c r="Q67" s="11" t="s">
        <v>106</v>
      </c>
      <c r="R67" s="11" t="s">
        <v>107</v>
      </c>
      <c r="S67" s="11" t="s">
        <v>108</v>
      </c>
      <c r="T67" s="11" t="s">
        <v>102</v>
      </c>
      <c r="U67" s="11" t="s">
        <v>116</v>
      </c>
      <c r="V67" s="11" t="s">
        <v>211</v>
      </c>
      <c r="W67" s="11">
        <v>46</v>
      </c>
      <c r="X67" s="11" t="s">
        <v>139</v>
      </c>
      <c r="Y67" s="11" t="s">
        <v>156</v>
      </c>
      <c r="Z67" s="11" t="s">
        <v>102</v>
      </c>
      <c r="AA67" s="11" t="s">
        <v>113</v>
      </c>
      <c r="AB67" s="11" t="s">
        <v>145</v>
      </c>
    </row>
    <row r="68" spans="1:28">
      <c r="A68" s="11" t="s">
        <v>40</v>
      </c>
      <c r="B68" s="48">
        <v>44469</v>
      </c>
      <c r="C68" s="11" t="s">
        <v>45</v>
      </c>
      <c r="D68" s="11">
        <v>9</v>
      </c>
      <c r="E68" s="11">
        <v>2021</v>
      </c>
      <c r="F68" s="11" t="s">
        <v>97</v>
      </c>
      <c r="G68" s="11" t="s">
        <v>98</v>
      </c>
      <c r="H68" s="11" t="s">
        <v>99</v>
      </c>
      <c r="I68" s="11" t="s">
        <v>100</v>
      </c>
      <c r="J68" s="11" t="s">
        <v>101</v>
      </c>
      <c r="K68" s="11">
        <v>804960</v>
      </c>
      <c r="L68" s="11" t="s">
        <v>102</v>
      </c>
      <c r="M68" s="11" t="s">
        <v>102</v>
      </c>
      <c r="N68" s="11" t="s">
        <v>103</v>
      </c>
      <c r="O68" s="11" t="s">
        <v>104</v>
      </c>
      <c r="P68" s="11" t="s">
        <v>105</v>
      </c>
      <c r="Q68" s="11" t="s">
        <v>106</v>
      </c>
      <c r="R68" s="11" t="s">
        <v>107</v>
      </c>
      <c r="S68" s="11" t="s">
        <v>108</v>
      </c>
      <c r="T68" s="11" t="s">
        <v>102</v>
      </c>
      <c r="U68" s="11" t="s">
        <v>116</v>
      </c>
      <c r="V68" s="11" t="s">
        <v>212</v>
      </c>
      <c r="W68" s="11">
        <v>3</v>
      </c>
      <c r="X68" s="11" t="s">
        <v>139</v>
      </c>
      <c r="Y68" s="11" t="s">
        <v>156</v>
      </c>
      <c r="Z68" s="11" t="s">
        <v>102</v>
      </c>
      <c r="AA68" s="11" t="s">
        <v>113</v>
      </c>
      <c r="AB68" s="11" t="s">
        <v>114</v>
      </c>
    </row>
    <row r="69" spans="1:28">
      <c r="A69" s="11" t="s">
        <v>41</v>
      </c>
      <c r="B69" s="48">
        <v>44464</v>
      </c>
      <c r="C69" s="11" t="s">
        <v>137</v>
      </c>
      <c r="D69" s="11">
        <v>9</v>
      </c>
      <c r="E69" s="11">
        <v>2021</v>
      </c>
      <c r="F69" s="11" t="s">
        <v>97</v>
      </c>
      <c r="G69" s="11" t="s">
        <v>98</v>
      </c>
      <c r="H69" s="11" t="s">
        <v>213</v>
      </c>
      <c r="I69" s="11" t="s">
        <v>130</v>
      </c>
      <c r="J69" s="11" t="s">
        <v>101</v>
      </c>
      <c r="K69" s="11">
        <v>-3859.1</v>
      </c>
      <c r="L69" s="11" t="s">
        <v>102</v>
      </c>
      <c r="M69" s="11" t="s">
        <v>102</v>
      </c>
      <c r="N69" s="11" t="s">
        <v>103</v>
      </c>
      <c r="O69" s="11" t="s">
        <v>214</v>
      </c>
      <c r="P69" s="11" t="s">
        <v>105</v>
      </c>
      <c r="Q69" s="11" t="s">
        <v>106</v>
      </c>
      <c r="R69" s="11" t="s">
        <v>107</v>
      </c>
      <c r="S69" s="11" t="s">
        <v>108</v>
      </c>
      <c r="T69" s="11" t="s">
        <v>102</v>
      </c>
      <c r="U69" s="11" t="s">
        <v>116</v>
      </c>
      <c r="V69" s="11" t="s">
        <v>215</v>
      </c>
      <c r="W69" s="11">
        <v>1</v>
      </c>
      <c r="X69" s="11" t="s">
        <v>139</v>
      </c>
      <c r="Y69" s="11" t="s">
        <v>156</v>
      </c>
      <c r="Z69" s="11" t="s">
        <v>102</v>
      </c>
      <c r="AA69" s="11" t="s">
        <v>216</v>
      </c>
      <c r="AB69" s="11" t="s">
        <v>217</v>
      </c>
    </row>
    <row r="70" spans="1:28">
      <c r="A70" s="11" t="s">
        <v>41</v>
      </c>
      <c r="B70" s="48">
        <v>44469</v>
      </c>
      <c r="C70" s="11" t="s">
        <v>137</v>
      </c>
      <c r="D70" s="11">
        <v>9</v>
      </c>
      <c r="E70" s="11">
        <v>2021</v>
      </c>
      <c r="F70" s="11" t="s">
        <v>97</v>
      </c>
      <c r="G70" s="11" t="s">
        <v>98</v>
      </c>
      <c r="H70" s="11" t="s">
        <v>99</v>
      </c>
      <c r="I70" s="11" t="s">
        <v>130</v>
      </c>
      <c r="J70" s="11" t="s">
        <v>101</v>
      </c>
      <c r="K70" s="11">
        <v>234221</v>
      </c>
      <c r="L70" s="11" t="s">
        <v>102</v>
      </c>
      <c r="M70" s="11" t="s">
        <v>102</v>
      </c>
      <c r="N70" s="11" t="s">
        <v>103</v>
      </c>
      <c r="O70" s="11" t="s">
        <v>132</v>
      </c>
      <c r="P70" s="11" t="s">
        <v>133</v>
      </c>
      <c r="Q70" s="11" t="s">
        <v>106</v>
      </c>
      <c r="R70" s="11" t="s">
        <v>107</v>
      </c>
      <c r="S70" s="11" t="s">
        <v>108</v>
      </c>
      <c r="T70" s="11" t="s">
        <v>102</v>
      </c>
      <c r="U70" s="11" t="s">
        <v>116</v>
      </c>
      <c r="V70" s="11" t="s">
        <v>218</v>
      </c>
      <c r="W70" s="11">
        <v>19</v>
      </c>
      <c r="X70" s="11" t="s">
        <v>139</v>
      </c>
      <c r="Y70" s="11" t="s">
        <v>156</v>
      </c>
      <c r="Z70" s="11" t="s">
        <v>102</v>
      </c>
      <c r="AA70" s="11" t="s">
        <v>113</v>
      </c>
      <c r="AB70" s="11" t="s">
        <v>142</v>
      </c>
    </row>
    <row r="71" spans="1:28">
      <c r="A71" s="11" t="s">
        <v>41</v>
      </c>
      <c r="B71" s="48">
        <v>44469</v>
      </c>
      <c r="C71" s="11" t="s">
        <v>137</v>
      </c>
      <c r="D71" s="11">
        <v>9</v>
      </c>
      <c r="E71" s="11">
        <v>2021</v>
      </c>
      <c r="F71" s="11" t="s">
        <v>97</v>
      </c>
      <c r="G71" s="11" t="s">
        <v>98</v>
      </c>
      <c r="H71" s="11" t="s">
        <v>99</v>
      </c>
      <c r="I71" s="11" t="s">
        <v>130</v>
      </c>
      <c r="J71" s="11" t="s">
        <v>101</v>
      </c>
      <c r="K71" s="11">
        <v>277024</v>
      </c>
      <c r="L71" s="11" t="s">
        <v>102</v>
      </c>
      <c r="M71" s="11" t="s">
        <v>102</v>
      </c>
      <c r="N71" s="11" t="s">
        <v>103</v>
      </c>
      <c r="O71" s="11" t="s">
        <v>132</v>
      </c>
      <c r="P71" s="11" t="s">
        <v>133</v>
      </c>
      <c r="Q71" s="11" t="s">
        <v>106</v>
      </c>
      <c r="R71" s="11" t="s">
        <v>107</v>
      </c>
      <c r="S71" s="11" t="s">
        <v>108</v>
      </c>
      <c r="T71" s="11" t="s">
        <v>102</v>
      </c>
      <c r="U71" s="11" t="s">
        <v>116</v>
      </c>
      <c r="V71" s="11" t="s">
        <v>218</v>
      </c>
      <c r="W71" s="11">
        <v>88</v>
      </c>
      <c r="X71" s="11" t="s">
        <v>139</v>
      </c>
      <c r="Y71" s="11" t="s">
        <v>156</v>
      </c>
      <c r="Z71" s="11" t="s">
        <v>102</v>
      </c>
      <c r="AA71" s="11" t="s">
        <v>113</v>
      </c>
      <c r="AB71" s="11" t="s">
        <v>141</v>
      </c>
    </row>
    <row r="72" spans="1:28">
      <c r="A72" s="11" t="s">
        <v>41</v>
      </c>
      <c r="B72" s="48">
        <v>44469</v>
      </c>
      <c r="C72" s="11" t="s">
        <v>45</v>
      </c>
      <c r="D72" s="11">
        <v>9</v>
      </c>
      <c r="E72" s="11">
        <v>2021</v>
      </c>
      <c r="F72" s="11" t="s">
        <v>97</v>
      </c>
      <c r="G72" s="11" t="s">
        <v>98</v>
      </c>
      <c r="H72" s="11" t="s">
        <v>99</v>
      </c>
      <c r="I72" s="11" t="s">
        <v>100</v>
      </c>
      <c r="J72" s="11" t="s">
        <v>101</v>
      </c>
      <c r="K72" s="11">
        <v>30123</v>
      </c>
      <c r="L72" s="11" t="s">
        <v>102</v>
      </c>
      <c r="M72" s="11" t="s">
        <v>102</v>
      </c>
      <c r="N72" s="11" t="s">
        <v>103</v>
      </c>
      <c r="O72" s="11" t="s">
        <v>121</v>
      </c>
      <c r="P72" s="11" t="s">
        <v>105</v>
      </c>
      <c r="Q72" s="11" t="s">
        <v>106</v>
      </c>
      <c r="R72" s="11" t="s">
        <v>107</v>
      </c>
      <c r="S72" s="11" t="s">
        <v>108</v>
      </c>
      <c r="T72" s="11" t="s">
        <v>102</v>
      </c>
      <c r="U72" s="11" t="s">
        <v>116</v>
      </c>
      <c r="V72" s="11" t="s">
        <v>219</v>
      </c>
      <c r="W72" s="11">
        <v>8</v>
      </c>
      <c r="X72" s="11" t="s">
        <v>139</v>
      </c>
      <c r="Y72" s="11" t="s">
        <v>156</v>
      </c>
      <c r="Z72" s="11" t="s">
        <v>102</v>
      </c>
      <c r="AA72" s="11" t="s">
        <v>113</v>
      </c>
      <c r="AB72" s="11" t="s">
        <v>123</v>
      </c>
    </row>
    <row r="73" spans="1:28">
      <c r="A73" s="11" t="s">
        <v>41</v>
      </c>
      <c r="B73" s="48">
        <v>44469</v>
      </c>
      <c r="C73" s="11" t="s">
        <v>220</v>
      </c>
      <c r="D73" s="11">
        <v>9</v>
      </c>
      <c r="E73" s="11">
        <v>2021</v>
      </c>
      <c r="F73" s="11" t="s">
        <v>97</v>
      </c>
      <c r="G73" s="11" t="s">
        <v>98</v>
      </c>
      <c r="H73" s="11" t="s">
        <v>129</v>
      </c>
      <c r="I73" s="11" t="s">
        <v>130</v>
      </c>
      <c r="J73" s="11" t="s">
        <v>131</v>
      </c>
      <c r="K73" s="11">
        <v>-255622.5</v>
      </c>
      <c r="L73" s="11" t="s">
        <v>102</v>
      </c>
      <c r="M73" s="11" t="s">
        <v>102</v>
      </c>
      <c r="N73" s="11" t="s">
        <v>103</v>
      </c>
      <c r="O73" s="11" t="s">
        <v>132</v>
      </c>
      <c r="P73" s="11" t="s">
        <v>133</v>
      </c>
      <c r="Q73" s="11" t="s">
        <v>106</v>
      </c>
      <c r="R73" s="11" t="s">
        <v>107</v>
      </c>
      <c r="S73" s="11" t="s">
        <v>108</v>
      </c>
      <c r="T73" s="11" t="s">
        <v>102</v>
      </c>
      <c r="U73" s="11" t="s">
        <v>116</v>
      </c>
      <c r="V73" s="11" t="s">
        <v>221</v>
      </c>
      <c r="W73" s="11">
        <v>177</v>
      </c>
      <c r="X73" s="11" t="s">
        <v>135</v>
      </c>
      <c r="Y73" s="11" t="s">
        <v>136</v>
      </c>
      <c r="Z73" s="11" t="s">
        <v>102</v>
      </c>
      <c r="AA73" s="11" t="s">
        <v>102</v>
      </c>
      <c r="AB73" s="11" t="s">
        <v>129</v>
      </c>
    </row>
    <row r="74" spans="1:28">
      <c r="A74" s="11" t="s">
        <v>42</v>
      </c>
      <c r="B74" s="48">
        <v>44469</v>
      </c>
      <c r="C74" s="11" t="s">
        <v>45</v>
      </c>
      <c r="D74" s="11">
        <v>9</v>
      </c>
      <c r="E74" s="11">
        <v>2021</v>
      </c>
      <c r="F74" s="11" t="s">
        <v>97</v>
      </c>
      <c r="G74" s="11" t="s">
        <v>98</v>
      </c>
      <c r="H74" s="11" t="s">
        <v>99</v>
      </c>
      <c r="I74" s="11" t="s">
        <v>100</v>
      </c>
      <c r="J74" s="11" t="s">
        <v>101</v>
      </c>
      <c r="K74" s="11">
        <v>424428</v>
      </c>
      <c r="L74" s="11" t="s">
        <v>102</v>
      </c>
      <c r="M74" s="11" t="s">
        <v>102</v>
      </c>
      <c r="N74" s="11" t="s">
        <v>103</v>
      </c>
      <c r="O74" s="11" t="s">
        <v>143</v>
      </c>
      <c r="P74" s="11" t="s">
        <v>105</v>
      </c>
      <c r="Q74" s="11" t="s">
        <v>106</v>
      </c>
      <c r="R74" s="11" t="s">
        <v>107</v>
      </c>
      <c r="S74" s="11" t="s">
        <v>108</v>
      </c>
      <c r="T74" s="11" t="s">
        <v>102</v>
      </c>
      <c r="U74" s="11" t="s">
        <v>116</v>
      </c>
      <c r="V74" s="11" t="s">
        <v>222</v>
      </c>
      <c r="W74" s="11">
        <v>46</v>
      </c>
      <c r="X74" s="11" t="s">
        <v>139</v>
      </c>
      <c r="Y74" s="11" t="s">
        <v>156</v>
      </c>
      <c r="Z74" s="11" t="s">
        <v>102</v>
      </c>
      <c r="AA74" s="11" t="s">
        <v>113</v>
      </c>
      <c r="AB74" s="11" t="s">
        <v>145</v>
      </c>
    </row>
    <row r="75" spans="1:28">
      <c r="A75" s="11" t="s">
        <v>40</v>
      </c>
      <c r="B75" s="48">
        <v>44500</v>
      </c>
      <c r="C75" s="11" t="s">
        <v>45</v>
      </c>
      <c r="D75" s="11">
        <v>10</v>
      </c>
      <c r="E75" s="11">
        <v>2021</v>
      </c>
      <c r="F75" s="11" t="s">
        <v>97</v>
      </c>
      <c r="G75" s="11" t="s">
        <v>98</v>
      </c>
      <c r="H75" s="11" t="s">
        <v>99</v>
      </c>
      <c r="I75" s="11" t="s">
        <v>100</v>
      </c>
      <c r="J75" s="11" t="s">
        <v>101</v>
      </c>
      <c r="K75" s="11">
        <v>804960</v>
      </c>
      <c r="L75" s="11" t="s">
        <v>102</v>
      </c>
      <c r="M75" s="11" t="s">
        <v>102</v>
      </c>
      <c r="N75" s="11" t="s">
        <v>103</v>
      </c>
      <c r="O75" s="11" t="s">
        <v>104</v>
      </c>
      <c r="P75" s="11" t="s">
        <v>105</v>
      </c>
      <c r="Q75" s="11" t="s">
        <v>106</v>
      </c>
      <c r="R75" s="11" t="s">
        <v>107</v>
      </c>
      <c r="S75" s="11" t="s">
        <v>108</v>
      </c>
      <c r="T75" s="11" t="s">
        <v>102</v>
      </c>
      <c r="U75" s="11" t="s">
        <v>116</v>
      </c>
      <c r="V75" s="11" t="s">
        <v>223</v>
      </c>
      <c r="W75" s="11">
        <v>3</v>
      </c>
      <c r="X75" s="11" t="s">
        <v>139</v>
      </c>
      <c r="Y75" s="11" t="s">
        <v>156</v>
      </c>
      <c r="Z75" s="11" t="s">
        <v>102</v>
      </c>
      <c r="AA75" s="11" t="s">
        <v>113</v>
      </c>
      <c r="AB75" s="11" t="s">
        <v>114</v>
      </c>
    </row>
    <row r="76" spans="1:28">
      <c r="A76" s="11" t="s">
        <v>41</v>
      </c>
      <c r="B76" s="48">
        <v>44500</v>
      </c>
      <c r="C76" s="11" t="s">
        <v>45</v>
      </c>
      <c r="D76" s="11">
        <v>10</v>
      </c>
      <c r="E76" s="11">
        <v>2021</v>
      </c>
      <c r="F76" s="11" t="s">
        <v>97</v>
      </c>
      <c r="G76" s="11" t="s">
        <v>98</v>
      </c>
      <c r="H76" s="11" t="s">
        <v>99</v>
      </c>
      <c r="I76" s="11" t="s">
        <v>100</v>
      </c>
      <c r="J76" s="11" t="s">
        <v>101</v>
      </c>
      <c r="K76" s="11">
        <v>30123</v>
      </c>
      <c r="L76" s="11" t="s">
        <v>102</v>
      </c>
      <c r="M76" s="11" t="s">
        <v>102</v>
      </c>
      <c r="N76" s="11" t="s">
        <v>103</v>
      </c>
      <c r="O76" s="11" t="s">
        <v>121</v>
      </c>
      <c r="P76" s="11" t="s">
        <v>105</v>
      </c>
      <c r="Q76" s="11" t="s">
        <v>106</v>
      </c>
      <c r="R76" s="11" t="s">
        <v>107</v>
      </c>
      <c r="S76" s="11" t="s">
        <v>108</v>
      </c>
      <c r="T76" s="11" t="s">
        <v>102</v>
      </c>
      <c r="U76" s="11" t="s">
        <v>116</v>
      </c>
      <c r="V76" s="11" t="s">
        <v>224</v>
      </c>
      <c r="W76" s="11">
        <v>8</v>
      </c>
      <c r="X76" s="11" t="s">
        <v>139</v>
      </c>
      <c r="Y76" s="11" t="s">
        <v>156</v>
      </c>
      <c r="Z76" s="11" t="s">
        <v>102</v>
      </c>
      <c r="AA76" s="11" t="s">
        <v>113</v>
      </c>
      <c r="AB76" s="11" t="s">
        <v>123</v>
      </c>
    </row>
    <row r="77" spans="1:28">
      <c r="A77" s="11" t="s">
        <v>41</v>
      </c>
      <c r="B77" s="48">
        <v>44500</v>
      </c>
      <c r="C77" s="11" t="s">
        <v>225</v>
      </c>
      <c r="D77" s="11">
        <v>10</v>
      </c>
      <c r="E77" s="11">
        <v>2021</v>
      </c>
      <c r="F77" s="11" t="s">
        <v>97</v>
      </c>
      <c r="G77" s="11" t="s">
        <v>98</v>
      </c>
      <c r="H77" s="11" t="s">
        <v>129</v>
      </c>
      <c r="I77" s="11" t="s">
        <v>130</v>
      </c>
      <c r="J77" s="11" t="s">
        <v>131</v>
      </c>
      <c r="K77" s="11">
        <v>-255622.5</v>
      </c>
      <c r="L77" s="11" t="s">
        <v>102</v>
      </c>
      <c r="M77" s="11" t="s">
        <v>102</v>
      </c>
      <c r="N77" s="11" t="s">
        <v>103</v>
      </c>
      <c r="O77" s="11" t="s">
        <v>132</v>
      </c>
      <c r="P77" s="11" t="s">
        <v>133</v>
      </c>
      <c r="Q77" s="11" t="s">
        <v>106</v>
      </c>
      <c r="R77" s="11" t="s">
        <v>107</v>
      </c>
      <c r="S77" s="11" t="s">
        <v>108</v>
      </c>
      <c r="T77" s="11" t="s">
        <v>102</v>
      </c>
      <c r="U77" s="11" t="s">
        <v>116</v>
      </c>
      <c r="V77" s="11" t="s">
        <v>226</v>
      </c>
      <c r="W77" s="11">
        <v>153</v>
      </c>
      <c r="X77" s="11" t="s">
        <v>135</v>
      </c>
      <c r="Y77" s="11" t="s">
        <v>136</v>
      </c>
      <c r="Z77" s="11" t="s">
        <v>102</v>
      </c>
      <c r="AA77" s="11" t="s">
        <v>102</v>
      </c>
      <c r="AB77" s="11" t="s">
        <v>129</v>
      </c>
    </row>
    <row r="78" spans="1:28">
      <c r="A78" s="11" t="s">
        <v>41</v>
      </c>
      <c r="B78" s="48">
        <v>44500</v>
      </c>
      <c r="C78" s="11" t="s">
        <v>137</v>
      </c>
      <c r="D78" s="11">
        <v>10</v>
      </c>
      <c r="E78" s="11">
        <v>2021</v>
      </c>
      <c r="F78" s="11" t="s">
        <v>97</v>
      </c>
      <c r="G78" s="11" t="s">
        <v>98</v>
      </c>
      <c r="H78" s="11" t="s">
        <v>99</v>
      </c>
      <c r="I78" s="11" t="s">
        <v>130</v>
      </c>
      <c r="J78" s="11" t="s">
        <v>101</v>
      </c>
      <c r="K78" s="11">
        <v>234221</v>
      </c>
      <c r="L78" s="11" t="s">
        <v>102</v>
      </c>
      <c r="M78" s="11" t="s">
        <v>102</v>
      </c>
      <c r="N78" s="11" t="s">
        <v>103</v>
      </c>
      <c r="O78" s="11" t="s">
        <v>132</v>
      </c>
      <c r="P78" s="11" t="s">
        <v>133</v>
      </c>
      <c r="Q78" s="11" t="s">
        <v>106</v>
      </c>
      <c r="R78" s="11" t="s">
        <v>107</v>
      </c>
      <c r="S78" s="11" t="s">
        <v>108</v>
      </c>
      <c r="T78" s="11" t="s">
        <v>102</v>
      </c>
      <c r="U78" s="11" t="s">
        <v>116</v>
      </c>
      <c r="V78" s="11" t="s">
        <v>227</v>
      </c>
      <c r="W78" s="11">
        <v>19</v>
      </c>
      <c r="X78" s="11" t="s">
        <v>139</v>
      </c>
      <c r="Y78" s="11" t="s">
        <v>156</v>
      </c>
      <c r="Z78" s="11" t="s">
        <v>102</v>
      </c>
      <c r="AA78" s="11" t="s">
        <v>113</v>
      </c>
      <c r="AB78" s="11" t="s">
        <v>142</v>
      </c>
    </row>
    <row r="79" spans="1:28">
      <c r="A79" s="11" t="s">
        <v>41</v>
      </c>
      <c r="B79" s="48">
        <v>44500</v>
      </c>
      <c r="C79" s="11" t="s">
        <v>137</v>
      </c>
      <c r="D79" s="11">
        <v>10</v>
      </c>
      <c r="E79" s="11">
        <v>2021</v>
      </c>
      <c r="F79" s="11" t="s">
        <v>97</v>
      </c>
      <c r="G79" s="11" t="s">
        <v>98</v>
      </c>
      <c r="H79" s="11" t="s">
        <v>99</v>
      </c>
      <c r="I79" s="11" t="s">
        <v>130</v>
      </c>
      <c r="J79" s="11" t="s">
        <v>101</v>
      </c>
      <c r="K79" s="11">
        <v>277024</v>
      </c>
      <c r="L79" s="11" t="s">
        <v>102</v>
      </c>
      <c r="M79" s="11" t="s">
        <v>102</v>
      </c>
      <c r="N79" s="11" t="s">
        <v>103</v>
      </c>
      <c r="O79" s="11" t="s">
        <v>132</v>
      </c>
      <c r="P79" s="11" t="s">
        <v>133</v>
      </c>
      <c r="Q79" s="11" t="s">
        <v>106</v>
      </c>
      <c r="R79" s="11" t="s">
        <v>107</v>
      </c>
      <c r="S79" s="11" t="s">
        <v>108</v>
      </c>
      <c r="T79" s="11" t="s">
        <v>102</v>
      </c>
      <c r="U79" s="11" t="s">
        <v>116</v>
      </c>
      <c r="V79" s="11" t="s">
        <v>227</v>
      </c>
      <c r="W79" s="11">
        <v>88</v>
      </c>
      <c r="X79" s="11" t="s">
        <v>139</v>
      </c>
      <c r="Y79" s="11" t="s">
        <v>156</v>
      </c>
      <c r="Z79" s="11" t="s">
        <v>102</v>
      </c>
      <c r="AA79" s="11" t="s">
        <v>113</v>
      </c>
      <c r="AB79" s="11" t="s">
        <v>141</v>
      </c>
    </row>
    <row r="80" spans="1:28">
      <c r="A80" s="11" t="s">
        <v>42</v>
      </c>
      <c r="B80" s="48">
        <v>44500</v>
      </c>
      <c r="C80" s="11" t="s">
        <v>45</v>
      </c>
      <c r="D80" s="11">
        <v>10</v>
      </c>
      <c r="E80" s="11">
        <v>2021</v>
      </c>
      <c r="F80" s="11" t="s">
        <v>97</v>
      </c>
      <c r="G80" s="11" t="s">
        <v>98</v>
      </c>
      <c r="H80" s="11" t="s">
        <v>99</v>
      </c>
      <c r="I80" s="11" t="s">
        <v>100</v>
      </c>
      <c r="J80" s="11" t="s">
        <v>101</v>
      </c>
      <c r="K80" s="11">
        <v>424428</v>
      </c>
      <c r="L80" s="11" t="s">
        <v>102</v>
      </c>
      <c r="M80" s="11" t="s">
        <v>102</v>
      </c>
      <c r="N80" s="11" t="s">
        <v>103</v>
      </c>
      <c r="O80" s="11" t="s">
        <v>143</v>
      </c>
      <c r="P80" s="11" t="s">
        <v>105</v>
      </c>
      <c r="Q80" s="11" t="s">
        <v>106</v>
      </c>
      <c r="R80" s="11" t="s">
        <v>107</v>
      </c>
      <c r="S80" s="11" t="s">
        <v>108</v>
      </c>
      <c r="T80" s="11" t="s">
        <v>102</v>
      </c>
      <c r="U80" s="11" t="s">
        <v>116</v>
      </c>
      <c r="V80" s="11" t="s">
        <v>228</v>
      </c>
      <c r="W80" s="11">
        <v>46</v>
      </c>
      <c r="X80" s="11" t="s">
        <v>139</v>
      </c>
      <c r="Y80" s="11" t="s">
        <v>156</v>
      </c>
      <c r="Z80" s="11" t="s">
        <v>102</v>
      </c>
      <c r="AA80" s="11" t="s">
        <v>113</v>
      </c>
      <c r="AB80" s="11" t="s">
        <v>145</v>
      </c>
    </row>
    <row r="81" spans="1:28">
      <c r="A81" s="11" t="s">
        <v>40</v>
      </c>
      <c r="B81" s="48">
        <v>44530</v>
      </c>
      <c r="C81" s="11" t="s">
        <v>45</v>
      </c>
      <c r="D81" s="11">
        <v>11</v>
      </c>
      <c r="E81" s="11">
        <v>2021</v>
      </c>
      <c r="F81" s="11" t="s">
        <v>97</v>
      </c>
      <c r="G81" s="11" t="s">
        <v>98</v>
      </c>
      <c r="H81" s="11" t="s">
        <v>99</v>
      </c>
      <c r="I81" s="11" t="s">
        <v>100</v>
      </c>
      <c r="J81" s="11" t="s">
        <v>101</v>
      </c>
      <c r="K81" s="11">
        <v>804960</v>
      </c>
      <c r="L81" s="11" t="s">
        <v>102</v>
      </c>
      <c r="M81" s="11" t="s">
        <v>102</v>
      </c>
      <c r="N81" s="11" t="s">
        <v>103</v>
      </c>
      <c r="O81" s="11" t="s">
        <v>104</v>
      </c>
      <c r="P81" s="11" t="s">
        <v>105</v>
      </c>
      <c r="Q81" s="11" t="s">
        <v>106</v>
      </c>
      <c r="R81" s="11" t="s">
        <v>107</v>
      </c>
      <c r="S81" s="11" t="s">
        <v>108</v>
      </c>
      <c r="T81" s="11" t="s">
        <v>102</v>
      </c>
      <c r="U81" s="11" t="s">
        <v>116</v>
      </c>
      <c r="V81" s="11" t="s">
        <v>229</v>
      </c>
      <c r="W81" s="11">
        <v>3</v>
      </c>
      <c r="X81" s="11" t="s">
        <v>139</v>
      </c>
      <c r="Y81" s="11" t="s">
        <v>156</v>
      </c>
      <c r="Z81" s="11" t="s">
        <v>102</v>
      </c>
      <c r="AA81" s="11" t="s">
        <v>113</v>
      </c>
      <c r="AB81" s="11" t="s">
        <v>114</v>
      </c>
    </row>
    <row r="82" spans="1:28">
      <c r="A82" s="11" t="s">
        <v>41</v>
      </c>
      <c r="B82" s="48">
        <v>44530</v>
      </c>
      <c r="C82" s="11" t="s">
        <v>45</v>
      </c>
      <c r="D82" s="11">
        <v>11</v>
      </c>
      <c r="E82" s="11">
        <v>2021</v>
      </c>
      <c r="F82" s="11" t="s">
        <v>97</v>
      </c>
      <c r="G82" s="11" t="s">
        <v>98</v>
      </c>
      <c r="H82" s="11" t="s">
        <v>99</v>
      </c>
      <c r="I82" s="11" t="s">
        <v>100</v>
      </c>
      <c r="J82" s="11" t="s">
        <v>101</v>
      </c>
      <c r="K82" s="11">
        <v>30123</v>
      </c>
      <c r="L82" s="11" t="s">
        <v>102</v>
      </c>
      <c r="M82" s="11" t="s">
        <v>102</v>
      </c>
      <c r="N82" s="11" t="s">
        <v>103</v>
      </c>
      <c r="O82" s="11" t="s">
        <v>121</v>
      </c>
      <c r="P82" s="11" t="s">
        <v>105</v>
      </c>
      <c r="Q82" s="11" t="s">
        <v>106</v>
      </c>
      <c r="R82" s="11" t="s">
        <v>107</v>
      </c>
      <c r="S82" s="11" t="s">
        <v>108</v>
      </c>
      <c r="T82" s="11" t="s">
        <v>102</v>
      </c>
      <c r="U82" s="11" t="s">
        <v>116</v>
      </c>
      <c r="V82" s="11" t="s">
        <v>230</v>
      </c>
      <c r="W82" s="11">
        <v>8</v>
      </c>
      <c r="X82" s="11" t="s">
        <v>139</v>
      </c>
      <c r="Y82" s="11" t="s">
        <v>156</v>
      </c>
      <c r="Z82" s="11" t="s">
        <v>102</v>
      </c>
      <c r="AA82" s="11" t="s">
        <v>113</v>
      </c>
      <c r="AB82" s="11" t="s">
        <v>123</v>
      </c>
    </row>
    <row r="83" spans="1:28">
      <c r="A83" s="11" t="s">
        <v>41</v>
      </c>
      <c r="B83" s="48">
        <v>44530</v>
      </c>
      <c r="C83" s="11" t="s">
        <v>137</v>
      </c>
      <c r="D83" s="11">
        <v>11</v>
      </c>
      <c r="E83" s="11">
        <v>2021</v>
      </c>
      <c r="F83" s="11" t="s">
        <v>97</v>
      </c>
      <c r="G83" s="11" t="s">
        <v>98</v>
      </c>
      <c r="H83" s="11" t="s">
        <v>99</v>
      </c>
      <c r="I83" s="11" t="s">
        <v>130</v>
      </c>
      <c r="J83" s="11" t="s">
        <v>101</v>
      </c>
      <c r="K83" s="11">
        <v>277024</v>
      </c>
      <c r="L83" s="11" t="s">
        <v>102</v>
      </c>
      <c r="M83" s="11" t="s">
        <v>102</v>
      </c>
      <c r="N83" s="11" t="s">
        <v>103</v>
      </c>
      <c r="O83" s="11" t="s">
        <v>132</v>
      </c>
      <c r="P83" s="11" t="s">
        <v>133</v>
      </c>
      <c r="Q83" s="11" t="s">
        <v>106</v>
      </c>
      <c r="R83" s="11" t="s">
        <v>107</v>
      </c>
      <c r="S83" s="11" t="s">
        <v>108</v>
      </c>
      <c r="T83" s="11" t="s">
        <v>102</v>
      </c>
      <c r="U83" s="11" t="s">
        <v>116</v>
      </c>
      <c r="V83" s="11" t="s">
        <v>231</v>
      </c>
      <c r="W83" s="11">
        <v>88</v>
      </c>
      <c r="X83" s="11" t="s">
        <v>139</v>
      </c>
      <c r="Y83" s="11" t="s">
        <v>156</v>
      </c>
      <c r="Z83" s="11" t="s">
        <v>102</v>
      </c>
      <c r="AA83" s="11" t="s">
        <v>113</v>
      </c>
      <c r="AB83" s="11" t="s">
        <v>141</v>
      </c>
    </row>
    <row r="84" spans="1:28">
      <c r="A84" s="11" t="s">
        <v>41</v>
      </c>
      <c r="B84" s="48">
        <v>44530</v>
      </c>
      <c r="C84" s="11" t="s">
        <v>232</v>
      </c>
      <c r="D84" s="11">
        <v>11</v>
      </c>
      <c r="E84" s="11">
        <v>2021</v>
      </c>
      <c r="F84" s="11" t="s">
        <v>97</v>
      </c>
      <c r="G84" s="11" t="s">
        <v>98</v>
      </c>
      <c r="H84" s="11" t="s">
        <v>129</v>
      </c>
      <c r="I84" s="11" t="s">
        <v>130</v>
      </c>
      <c r="J84" s="11" t="s">
        <v>131</v>
      </c>
      <c r="K84" s="11">
        <v>-255622.5</v>
      </c>
      <c r="L84" s="11" t="s">
        <v>102</v>
      </c>
      <c r="M84" s="11" t="s">
        <v>102</v>
      </c>
      <c r="N84" s="11" t="s">
        <v>103</v>
      </c>
      <c r="O84" s="11" t="s">
        <v>132</v>
      </c>
      <c r="P84" s="11" t="s">
        <v>133</v>
      </c>
      <c r="Q84" s="11" t="s">
        <v>106</v>
      </c>
      <c r="R84" s="11" t="s">
        <v>107</v>
      </c>
      <c r="S84" s="11" t="s">
        <v>108</v>
      </c>
      <c r="T84" s="11" t="s">
        <v>102</v>
      </c>
      <c r="U84" s="11" t="s">
        <v>116</v>
      </c>
      <c r="V84" s="11" t="s">
        <v>233</v>
      </c>
      <c r="W84" s="11">
        <v>171</v>
      </c>
      <c r="X84" s="11" t="s">
        <v>135</v>
      </c>
      <c r="Y84" s="11" t="s">
        <v>136</v>
      </c>
      <c r="Z84" s="11" t="s">
        <v>102</v>
      </c>
      <c r="AA84" s="11" t="s">
        <v>102</v>
      </c>
      <c r="AB84" s="11" t="s">
        <v>129</v>
      </c>
    </row>
    <row r="85" spans="1:28">
      <c r="A85" s="11" t="s">
        <v>41</v>
      </c>
      <c r="B85" s="48">
        <v>44530</v>
      </c>
      <c r="C85" s="11" t="s">
        <v>137</v>
      </c>
      <c r="D85" s="11">
        <v>11</v>
      </c>
      <c r="E85" s="11">
        <v>2021</v>
      </c>
      <c r="F85" s="11" t="s">
        <v>97</v>
      </c>
      <c r="G85" s="11" t="s">
        <v>98</v>
      </c>
      <c r="H85" s="11" t="s">
        <v>99</v>
      </c>
      <c r="I85" s="11" t="s">
        <v>130</v>
      </c>
      <c r="J85" s="11" t="s">
        <v>101</v>
      </c>
      <c r="K85" s="11">
        <v>234221</v>
      </c>
      <c r="L85" s="11" t="s">
        <v>102</v>
      </c>
      <c r="M85" s="11" t="s">
        <v>102</v>
      </c>
      <c r="N85" s="11" t="s">
        <v>103</v>
      </c>
      <c r="O85" s="11" t="s">
        <v>132</v>
      </c>
      <c r="P85" s="11" t="s">
        <v>133</v>
      </c>
      <c r="Q85" s="11" t="s">
        <v>106</v>
      </c>
      <c r="R85" s="11" t="s">
        <v>107</v>
      </c>
      <c r="S85" s="11" t="s">
        <v>108</v>
      </c>
      <c r="T85" s="11" t="s">
        <v>102</v>
      </c>
      <c r="U85" s="11" t="s">
        <v>116</v>
      </c>
      <c r="V85" s="11" t="s">
        <v>231</v>
      </c>
      <c r="W85" s="11">
        <v>19</v>
      </c>
      <c r="X85" s="11" t="s">
        <v>139</v>
      </c>
      <c r="Y85" s="11" t="s">
        <v>156</v>
      </c>
      <c r="Z85" s="11" t="s">
        <v>102</v>
      </c>
      <c r="AA85" s="11" t="s">
        <v>113</v>
      </c>
      <c r="AB85" s="11" t="s">
        <v>142</v>
      </c>
    </row>
    <row r="86" spans="1:28">
      <c r="A86" s="11" t="s">
        <v>42</v>
      </c>
      <c r="B86" s="48">
        <v>44530</v>
      </c>
      <c r="C86" s="11" t="s">
        <v>45</v>
      </c>
      <c r="D86" s="11">
        <v>11</v>
      </c>
      <c r="E86" s="11">
        <v>2021</v>
      </c>
      <c r="F86" s="11" t="s">
        <v>97</v>
      </c>
      <c r="G86" s="11" t="s">
        <v>98</v>
      </c>
      <c r="H86" s="11" t="s">
        <v>99</v>
      </c>
      <c r="I86" s="11" t="s">
        <v>100</v>
      </c>
      <c r="J86" s="11" t="s">
        <v>101</v>
      </c>
      <c r="K86" s="11">
        <v>424428</v>
      </c>
      <c r="L86" s="11" t="s">
        <v>102</v>
      </c>
      <c r="M86" s="11" t="s">
        <v>102</v>
      </c>
      <c r="N86" s="11" t="s">
        <v>103</v>
      </c>
      <c r="O86" s="11" t="s">
        <v>143</v>
      </c>
      <c r="P86" s="11" t="s">
        <v>105</v>
      </c>
      <c r="Q86" s="11" t="s">
        <v>106</v>
      </c>
      <c r="R86" s="11" t="s">
        <v>107</v>
      </c>
      <c r="S86" s="11" t="s">
        <v>108</v>
      </c>
      <c r="T86" s="11" t="s">
        <v>102</v>
      </c>
      <c r="U86" s="11" t="s">
        <v>116</v>
      </c>
      <c r="V86" s="11" t="s">
        <v>234</v>
      </c>
      <c r="W86" s="11">
        <v>46</v>
      </c>
      <c r="X86" s="11" t="s">
        <v>139</v>
      </c>
      <c r="Y86" s="11" t="s">
        <v>156</v>
      </c>
      <c r="Z86" s="11" t="s">
        <v>102</v>
      </c>
      <c r="AA86" s="11" t="s">
        <v>113</v>
      </c>
      <c r="AB86" s="11" t="s">
        <v>145</v>
      </c>
    </row>
    <row r="87" spans="1:28">
      <c r="A87" s="11" t="s">
        <v>40</v>
      </c>
      <c r="B87" s="48">
        <v>44561</v>
      </c>
      <c r="C87" s="11" t="s">
        <v>45</v>
      </c>
      <c r="D87" s="11">
        <v>12</v>
      </c>
      <c r="E87" s="11">
        <v>2021</v>
      </c>
      <c r="F87" s="11" t="s">
        <v>97</v>
      </c>
      <c r="G87" s="11" t="s">
        <v>98</v>
      </c>
      <c r="H87" s="11" t="s">
        <v>99</v>
      </c>
      <c r="I87" s="11" t="s">
        <v>100</v>
      </c>
      <c r="J87" s="11" t="s">
        <v>101</v>
      </c>
      <c r="K87" s="11">
        <v>804962.26</v>
      </c>
      <c r="L87" s="11" t="s">
        <v>102</v>
      </c>
      <c r="M87" s="11" t="s">
        <v>102</v>
      </c>
      <c r="N87" s="11" t="s">
        <v>103</v>
      </c>
      <c r="O87" s="11" t="s">
        <v>104</v>
      </c>
      <c r="P87" s="11" t="s">
        <v>105</v>
      </c>
      <c r="Q87" s="11" t="s">
        <v>106</v>
      </c>
      <c r="R87" s="11" t="s">
        <v>107</v>
      </c>
      <c r="S87" s="11" t="s">
        <v>108</v>
      </c>
      <c r="T87" s="11" t="s">
        <v>102</v>
      </c>
      <c r="U87" s="11" t="s">
        <v>116</v>
      </c>
      <c r="V87" s="11" t="s">
        <v>235</v>
      </c>
      <c r="W87" s="11">
        <v>3</v>
      </c>
      <c r="X87" s="11" t="s">
        <v>139</v>
      </c>
      <c r="Y87" s="11" t="s">
        <v>156</v>
      </c>
      <c r="Z87" s="11" t="s">
        <v>102</v>
      </c>
      <c r="AA87" s="11" t="s">
        <v>113</v>
      </c>
      <c r="AB87" s="11" t="s">
        <v>114</v>
      </c>
    </row>
    <row r="88" spans="1:28">
      <c r="A88" s="11" t="s">
        <v>41</v>
      </c>
      <c r="B88" s="48">
        <v>44561</v>
      </c>
      <c r="C88" s="11" t="s">
        <v>45</v>
      </c>
      <c r="D88" s="11">
        <v>12</v>
      </c>
      <c r="E88" s="11">
        <v>2021</v>
      </c>
      <c r="F88" s="11" t="s">
        <v>97</v>
      </c>
      <c r="G88" s="11" t="s">
        <v>98</v>
      </c>
      <c r="H88" s="11" t="s">
        <v>99</v>
      </c>
      <c r="I88" s="11" t="s">
        <v>100</v>
      </c>
      <c r="J88" s="11" t="s">
        <v>101</v>
      </c>
      <c r="K88" s="11">
        <v>30125</v>
      </c>
      <c r="L88" s="11" t="s">
        <v>102</v>
      </c>
      <c r="M88" s="11" t="s">
        <v>102</v>
      </c>
      <c r="N88" s="11" t="s">
        <v>103</v>
      </c>
      <c r="O88" s="11" t="s">
        <v>121</v>
      </c>
      <c r="P88" s="11" t="s">
        <v>105</v>
      </c>
      <c r="Q88" s="11" t="s">
        <v>106</v>
      </c>
      <c r="R88" s="11" t="s">
        <v>107</v>
      </c>
      <c r="S88" s="11" t="s">
        <v>108</v>
      </c>
      <c r="T88" s="11" t="s">
        <v>102</v>
      </c>
      <c r="U88" s="11" t="s">
        <v>116</v>
      </c>
      <c r="V88" s="11" t="s">
        <v>236</v>
      </c>
      <c r="W88" s="11">
        <v>8</v>
      </c>
      <c r="X88" s="11" t="s">
        <v>139</v>
      </c>
      <c r="Y88" s="11" t="s">
        <v>156</v>
      </c>
      <c r="Z88" s="11" t="s">
        <v>102</v>
      </c>
      <c r="AA88" s="11" t="s">
        <v>113</v>
      </c>
      <c r="AB88" s="11" t="s">
        <v>123</v>
      </c>
    </row>
    <row r="89" spans="1:28">
      <c r="A89" s="11" t="s">
        <v>41</v>
      </c>
      <c r="B89" s="48">
        <v>44561</v>
      </c>
      <c r="C89" s="11" t="s">
        <v>137</v>
      </c>
      <c r="D89" s="11">
        <v>12</v>
      </c>
      <c r="E89" s="11">
        <v>2021</v>
      </c>
      <c r="F89" s="11" t="s">
        <v>97</v>
      </c>
      <c r="G89" s="11" t="s">
        <v>98</v>
      </c>
      <c r="H89" s="11" t="s">
        <v>99</v>
      </c>
      <c r="I89" s="11" t="s">
        <v>130</v>
      </c>
      <c r="J89" s="11" t="s">
        <v>101</v>
      </c>
      <c r="K89" s="11">
        <v>277024</v>
      </c>
      <c r="L89" s="11" t="s">
        <v>102</v>
      </c>
      <c r="M89" s="11" t="s">
        <v>102</v>
      </c>
      <c r="N89" s="11" t="s">
        <v>103</v>
      </c>
      <c r="O89" s="11" t="s">
        <v>132</v>
      </c>
      <c r="P89" s="11" t="s">
        <v>133</v>
      </c>
      <c r="Q89" s="11" t="s">
        <v>106</v>
      </c>
      <c r="R89" s="11" t="s">
        <v>107</v>
      </c>
      <c r="S89" s="11" t="s">
        <v>108</v>
      </c>
      <c r="T89" s="11" t="s">
        <v>102</v>
      </c>
      <c r="U89" s="11" t="s">
        <v>116</v>
      </c>
      <c r="V89" s="11" t="s">
        <v>237</v>
      </c>
      <c r="W89" s="11">
        <v>88</v>
      </c>
      <c r="X89" s="11" t="s">
        <v>139</v>
      </c>
      <c r="Y89" s="11" t="s">
        <v>156</v>
      </c>
      <c r="Z89" s="11" t="s">
        <v>102</v>
      </c>
      <c r="AA89" s="11" t="s">
        <v>113</v>
      </c>
      <c r="AB89" s="11" t="s">
        <v>141</v>
      </c>
    </row>
    <row r="90" spans="1:28">
      <c r="A90" s="11" t="s">
        <v>41</v>
      </c>
      <c r="B90" s="48">
        <v>44561</v>
      </c>
      <c r="C90" s="11" t="s">
        <v>137</v>
      </c>
      <c r="D90" s="11">
        <v>12</v>
      </c>
      <c r="E90" s="11">
        <v>2021</v>
      </c>
      <c r="F90" s="11" t="s">
        <v>97</v>
      </c>
      <c r="G90" s="11" t="s">
        <v>98</v>
      </c>
      <c r="H90" s="11" t="s">
        <v>99</v>
      </c>
      <c r="I90" s="11" t="s">
        <v>130</v>
      </c>
      <c r="J90" s="11" t="s">
        <v>101</v>
      </c>
      <c r="K90" s="11">
        <v>234221</v>
      </c>
      <c r="L90" s="11" t="s">
        <v>102</v>
      </c>
      <c r="M90" s="11" t="s">
        <v>102</v>
      </c>
      <c r="N90" s="11" t="s">
        <v>103</v>
      </c>
      <c r="O90" s="11" t="s">
        <v>132</v>
      </c>
      <c r="P90" s="11" t="s">
        <v>133</v>
      </c>
      <c r="Q90" s="11" t="s">
        <v>106</v>
      </c>
      <c r="R90" s="11" t="s">
        <v>107</v>
      </c>
      <c r="S90" s="11" t="s">
        <v>108</v>
      </c>
      <c r="T90" s="11" t="s">
        <v>102</v>
      </c>
      <c r="U90" s="11" t="s">
        <v>116</v>
      </c>
      <c r="V90" s="11" t="s">
        <v>237</v>
      </c>
      <c r="W90" s="11">
        <v>19</v>
      </c>
      <c r="X90" s="11" t="s">
        <v>139</v>
      </c>
      <c r="Y90" s="11" t="s">
        <v>156</v>
      </c>
      <c r="Z90" s="11" t="s">
        <v>102</v>
      </c>
      <c r="AA90" s="11" t="s">
        <v>113</v>
      </c>
      <c r="AB90" s="11" t="s">
        <v>142</v>
      </c>
    </row>
    <row r="91" spans="1:28">
      <c r="A91" s="11" t="s">
        <v>41</v>
      </c>
      <c r="B91" s="48">
        <v>44561</v>
      </c>
      <c r="C91" s="11" t="s">
        <v>238</v>
      </c>
      <c r="D91" s="11">
        <v>12</v>
      </c>
      <c r="E91" s="11">
        <v>2021</v>
      </c>
      <c r="F91" s="11" t="s">
        <v>97</v>
      </c>
      <c r="G91" s="11" t="s">
        <v>98</v>
      </c>
      <c r="H91" s="11" t="s">
        <v>129</v>
      </c>
      <c r="I91" s="11" t="s">
        <v>130</v>
      </c>
      <c r="J91" s="11" t="s">
        <v>131</v>
      </c>
      <c r="K91" s="11">
        <v>-255622.5</v>
      </c>
      <c r="L91" s="11" t="s">
        <v>102</v>
      </c>
      <c r="M91" s="11" t="s">
        <v>102</v>
      </c>
      <c r="N91" s="11" t="s">
        <v>103</v>
      </c>
      <c r="O91" s="11" t="s">
        <v>132</v>
      </c>
      <c r="P91" s="11" t="s">
        <v>133</v>
      </c>
      <c r="Q91" s="11" t="s">
        <v>106</v>
      </c>
      <c r="R91" s="11" t="s">
        <v>107</v>
      </c>
      <c r="S91" s="11" t="s">
        <v>108</v>
      </c>
      <c r="T91" s="11" t="s">
        <v>102</v>
      </c>
      <c r="U91" s="11" t="s">
        <v>116</v>
      </c>
      <c r="V91" s="11" t="s">
        <v>239</v>
      </c>
      <c r="W91" s="11">
        <v>193</v>
      </c>
      <c r="X91" s="11" t="s">
        <v>135</v>
      </c>
      <c r="Y91" s="11" t="s">
        <v>136</v>
      </c>
      <c r="Z91" s="11" t="s">
        <v>102</v>
      </c>
      <c r="AA91" s="11" t="s">
        <v>102</v>
      </c>
      <c r="AB91" s="11" t="s">
        <v>129</v>
      </c>
    </row>
    <row r="92" spans="1:28">
      <c r="A92" s="11" t="s">
        <v>42</v>
      </c>
      <c r="B92" s="48">
        <v>44561</v>
      </c>
      <c r="C92" s="11" t="s">
        <v>45</v>
      </c>
      <c r="D92" s="11">
        <v>12</v>
      </c>
      <c r="E92" s="11">
        <v>2021</v>
      </c>
      <c r="F92" s="11" t="s">
        <v>97</v>
      </c>
      <c r="G92" s="11" t="s">
        <v>98</v>
      </c>
      <c r="H92" s="11" t="s">
        <v>99</v>
      </c>
      <c r="I92" s="11" t="s">
        <v>100</v>
      </c>
      <c r="J92" s="11" t="s">
        <v>101</v>
      </c>
      <c r="K92" s="11">
        <v>424426.74</v>
      </c>
      <c r="L92" s="11" t="s">
        <v>102</v>
      </c>
      <c r="M92" s="11" t="s">
        <v>102</v>
      </c>
      <c r="N92" s="11" t="s">
        <v>103</v>
      </c>
      <c r="O92" s="11" t="s">
        <v>143</v>
      </c>
      <c r="P92" s="11" t="s">
        <v>105</v>
      </c>
      <c r="Q92" s="11" t="s">
        <v>106</v>
      </c>
      <c r="R92" s="11" t="s">
        <v>107</v>
      </c>
      <c r="S92" s="11" t="s">
        <v>108</v>
      </c>
      <c r="T92" s="11" t="s">
        <v>102</v>
      </c>
      <c r="U92" s="11" t="s">
        <v>116</v>
      </c>
      <c r="V92" s="11" t="s">
        <v>240</v>
      </c>
      <c r="W92" s="11">
        <v>46</v>
      </c>
      <c r="X92" s="11" t="s">
        <v>139</v>
      </c>
      <c r="Y92" s="11" t="s">
        <v>156</v>
      </c>
      <c r="Z92" s="11" t="s">
        <v>102</v>
      </c>
      <c r="AA92" s="11" t="s">
        <v>113</v>
      </c>
      <c r="AB92" s="11" t="s">
        <v>145</v>
      </c>
    </row>
    <row r="93" spans="1:28">
      <c r="A93" s="11" t="s">
        <v>40</v>
      </c>
      <c r="B93" s="48">
        <v>44591</v>
      </c>
      <c r="C93" s="11" t="s">
        <v>45</v>
      </c>
      <c r="D93" s="11">
        <v>1</v>
      </c>
      <c r="E93" s="11">
        <v>2022</v>
      </c>
      <c r="F93" s="11" t="s">
        <v>61</v>
      </c>
      <c r="G93" s="11" t="s">
        <v>241</v>
      </c>
      <c r="H93" s="11" t="s">
        <v>99</v>
      </c>
      <c r="I93" s="11" t="s">
        <v>100</v>
      </c>
      <c r="J93" s="11" t="s">
        <v>101</v>
      </c>
      <c r="K93" s="11">
        <v>23040</v>
      </c>
      <c r="L93" s="11" t="s">
        <v>102</v>
      </c>
      <c r="M93" s="11" t="s">
        <v>102</v>
      </c>
      <c r="N93" s="11" t="s">
        <v>103</v>
      </c>
      <c r="O93" s="11" t="s">
        <v>104</v>
      </c>
      <c r="P93" s="11" t="s">
        <v>200</v>
      </c>
      <c r="Q93" s="11" t="s">
        <v>106</v>
      </c>
      <c r="R93" s="11" t="s">
        <v>107</v>
      </c>
      <c r="S93" s="11" t="s">
        <v>108</v>
      </c>
      <c r="T93" s="11" t="s">
        <v>102</v>
      </c>
      <c r="U93" s="11" t="s">
        <v>116</v>
      </c>
      <c r="V93" s="11" t="s">
        <v>242</v>
      </c>
      <c r="W93" s="11">
        <v>1</v>
      </c>
      <c r="X93" s="11" t="s">
        <v>139</v>
      </c>
      <c r="Y93" s="11" t="s">
        <v>156</v>
      </c>
      <c r="Z93" s="11" t="s">
        <v>102</v>
      </c>
      <c r="AA93" s="11" t="s">
        <v>113</v>
      </c>
      <c r="AB93" s="11" t="s">
        <v>243</v>
      </c>
    </row>
    <row r="94" spans="1:28">
      <c r="A94" s="11" t="s">
        <v>40</v>
      </c>
      <c r="B94" s="48">
        <v>44957</v>
      </c>
      <c r="C94" s="11" t="s">
        <v>45</v>
      </c>
      <c r="D94" s="11">
        <v>1</v>
      </c>
      <c r="E94" s="11">
        <v>2023</v>
      </c>
      <c r="F94" s="11" t="s">
        <v>61</v>
      </c>
      <c r="G94" s="11" t="s">
        <v>241</v>
      </c>
      <c r="H94" s="11" t="s">
        <v>244</v>
      </c>
      <c r="I94" s="11" t="s">
        <v>100</v>
      </c>
      <c r="J94" s="11" t="s">
        <v>101</v>
      </c>
      <c r="K94" s="11">
        <v>44695</v>
      </c>
      <c r="L94" s="11" t="s">
        <v>102</v>
      </c>
      <c r="M94" s="11" t="s">
        <v>102</v>
      </c>
      <c r="N94" s="11" t="s">
        <v>103</v>
      </c>
      <c r="O94" s="11" t="s">
        <v>104</v>
      </c>
      <c r="P94" s="11" t="s">
        <v>200</v>
      </c>
      <c r="Q94" s="11" t="s">
        <v>106</v>
      </c>
      <c r="R94" s="11" t="s">
        <v>107</v>
      </c>
      <c r="S94" s="11" t="s">
        <v>108</v>
      </c>
      <c r="T94" s="11" t="s">
        <v>102</v>
      </c>
      <c r="U94" s="11" t="s">
        <v>116</v>
      </c>
      <c r="V94" s="11" t="s">
        <v>245</v>
      </c>
      <c r="W94" s="11">
        <v>1</v>
      </c>
      <c r="X94" s="11" t="s">
        <v>139</v>
      </c>
      <c r="Y94" s="11" t="s">
        <v>162</v>
      </c>
      <c r="Z94" s="11" t="s">
        <v>102</v>
      </c>
      <c r="AA94" s="11" t="s">
        <v>113</v>
      </c>
      <c r="AB94" s="11" t="s">
        <v>246</v>
      </c>
    </row>
    <row r="95" spans="1:28">
      <c r="A95" s="11" t="s">
        <v>41</v>
      </c>
      <c r="B95" s="48">
        <v>44591</v>
      </c>
      <c r="C95" s="11" t="s">
        <v>45</v>
      </c>
      <c r="D95" s="11">
        <v>1</v>
      </c>
      <c r="E95" s="11">
        <v>2022</v>
      </c>
      <c r="F95" s="11" t="s">
        <v>61</v>
      </c>
      <c r="G95" s="11" t="s">
        <v>241</v>
      </c>
      <c r="H95" s="11" t="s">
        <v>99</v>
      </c>
      <c r="I95" s="11" t="s">
        <v>100</v>
      </c>
      <c r="J95" s="11" t="s">
        <v>101</v>
      </c>
      <c r="K95" s="11">
        <v>1066</v>
      </c>
      <c r="L95" s="11" t="s">
        <v>102</v>
      </c>
      <c r="M95" s="11" t="s">
        <v>102</v>
      </c>
      <c r="N95" s="11" t="s">
        <v>103</v>
      </c>
      <c r="O95" s="11" t="s">
        <v>214</v>
      </c>
      <c r="P95" s="11" t="s">
        <v>200</v>
      </c>
      <c r="Q95" s="11" t="s">
        <v>106</v>
      </c>
      <c r="R95" s="11" t="s">
        <v>107</v>
      </c>
      <c r="S95" s="11" t="s">
        <v>108</v>
      </c>
      <c r="T95" s="11" t="s">
        <v>102</v>
      </c>
      <c r="U95" s="11" t="s">
        <v>116</v>
      </c>
      <c r="V95" s="11" t="s">
        <v>247</v>
      </c>
      <c r="W95" s="11">
        <v>6</v>
      </c>
      <c r="X95" s="11" t="s">
        <v>139</v>
      </c>
      <c r="Y95" s="11" t="s">
        <v>156</v>
      </c>
      <c r="Z95" s="11" t="s">
        <v>102</v>
      </c>
      <c r="AA95" s="11" t="s">
        <v>113</v>
      </c>
      <c r="AB95" s="11" t="s">
        <v>248</v>
      </c>
    </row>
    <row r="96" spans="1:28">
      <c r="A96" s="11" t="s">
        <v>41</v>
      </c>
      <c r="B96" s="48">
        <v>44957</v>
      </c>
      <c r="C96" s="11" t="s">
        <v>45</v>
      </c>
      <c r="D96" s="11">
        <v>1</v>
      </c>
      <c r="E96" s="11">
        <v>2023</v>
      </c>
      <c r="F96" s="11" t="s">
        <v>61</v>
      </c>
      <c r="G96" s="11" t="s">
        <v>241</v>
      </c>
      <c r="H96" s="11" t="s">
        <v>244</v>
      </c>
      <c r="I96" s="11" t="s">
        <v>100</v>
      </c>
      <c r="J96" s="11" t="s">
        <v>101</v>
      </c>
      <c r="K96" s="11">
        <v>1509</v>
      </c>
      <c r="L96" s="11" t="s">
        <v>102</v>
      </c>
      <c r="M96" s="11" t="s">
        <v>102</v>
      </c>
      <c r="N96" s="11" t="s">
        <v>103</v>
      </c>
      <c r="O96" s="11" t="s">
        <v>214</v>
      </c>
      <c r="P96" s="11" t="s">
        <v>200</v>
      </c>
      <c r="Q96" s="11" t="s">
        <v>106</v>
      </c>
      <c r="R96" s="11" t="s">
        <v>107</v>
      </c>
      <c r="S96" s="11" t="s">
        <v>108</v>
      </c>
      <c r="T96" s="11" t="s">
        <v>102</v>
      </c>
      <c r="U96" s="11" t="s">
        <v>116</v>
      </c>
      <c r="V96" s="11" t="s">
        <v>249</v>
      </c>
      <c r="W96" s="11">
        <v>6</v>
      </c>
      <c r="X96" s="11" t="s">
        <v>139</v>
      </c>
      <c r="Y96" s="11" t="s">
        <v>162</v>
      </c>
      <c r="Z96" s="11" t="s">
        <v>102</v>
      </c>
      <c r="AA96" s="11" t="s">
        <v>113</v>
      </c>
      <c r="AB96" s="11" t="s">
        <v>250</v>
      </c>
    </row>
    <row r="97" spans="1:28">
      <c r="A97" s="11" t="s">
        <v>42</v>
      </c>
      <c r="B97" s="48">
        <v>44591</v>
      </c>
      <c r="C97" s="11" t="s">
        <v>45</v>
      </c>
      <c r="D97" s="11">
        <v>1</v>
      </c>
      <c r="E97" s="11">
        <v>2022</v>
      </c>
      <c r="F97" s="11" t="s">
        <v>61</v>
      </c>
      <c r="G97" s="11" t="s">
        <v>241</v>
      </c>
      <c r="H97" s="11" t="s">
        <v>99</v>
      </c>
      <c r="I97" s="11" t="s">
        <v>100</v>
      </c>
      <c r="J97" s="11" t="s">
        <v>101</v>
      </c>
      <c r="K97" s="11">
        <v>19702</v>
      </c>
      <c r="L97" s="11" t="s">
        <v>102</v>
      </c>
      <c r="M97" s="11" t="s">
        <v>102</v>
      </c>
      <c r="N97" s="11" t="s">
        <v>103</v>
      </c>
      <c r="O97" s="11" t="s">
        <v>143</v>
      </c>
      <c r="P97" s="11" t="s">
        <v>200</v>
      </c>
      <c r="Q97" s="11" t="s">
        <v>106</v>
      </c>
      <c r="R97" s="11" t="s">
        <v>107</v>
      </c>
      <c r="S97" s="11" t="s">
        <v>108</v>
      </c>
      <c r="T97" s="11" t="s">
        <v>102</v>
      </c>
      <c r="U97" s="11" t="s">
        <v>116</v>
      </c>
      <c r="V97" s="11" t="s">
        <v>251</v>
      </c>
      <c r="W97" s="11">
        <v>43</v>
      </c>
      <c r="X97" s="11" t="s">
        <v>139</v>
      </c>
      <c r="Y97" s="11" t="s">
        <v>156</v>
      </c>
      <c r="Z97" s="11" t="s">
        <v>102</v>
      </c>
      <c r="AA97" s="11" t="s">
        <v>113</v>
      </c>
      <c r="AB97" s="11" t="s">
        <v>252</v>
      </c>
    </row>
    <row r="98" spans="1:28">
      <c r="A98" s="11" t="s">
        <v>42</v>
      </c>
      <c r="B98" s="48">
        <v>44957</v>
      </c>
      <c r="C98" s="11" t="s">
        <v>45</v>
      </c>
      <c r="D98" s="11">
        <v>1</v>
      </c>
      <c r="E98" s="11">
        <v>2023</v>
      </c>
      <c r="F98" s="11" t="s">
        <v>61</v>
      </c>
      <c r="G98" s="11" t="s">
        <v>241</v>
      </c>
      <c r="H98" s="11" t="s">
        <v>244</v>
      </c>
      <c r="I98" s="11" t="s">
        <v>100</v>
      </c>
      <c r="J98" s="11" t="s">
        <v>101</v>
      </c>
      <c r="K98" s="11">
        <v>1113</v>
      </c>
      <c r="L98" s="11" t="s">
        <v>102</v>
      </c>
      <c r="M98" s="11" t="s">
        <v>102</v>
      </c>
      <c r="N98" s="11" t="s">
        <v>103</v>
      </c>
      <c r="O98" s="11" t="s">
        <v>143</v>
      </c>
      <c r="P98" s="11" t="s">
        <v>200</v>
      </c>
      <c r="Q98" s="11" t="s">
        <v>106</v>
      </c>
      <c r="R98" s="11" t="s">
        <v>107</v>
      </c>
      <c r="S98" s="11" t="s">
        <v>108</v>
      </c>
      <c r="T98" s="11" t="s">
        <v>102</v>
      </c>
      <c r="U98" s="11" t="s">
        <v>116</v>
      </c>
      <c r="V98" s="11" t="s">
        <v>253</v>
      </c>
      <c r="W98" s="11">
        <v>11</v>
      </c>
      <c r="X98" s="11" t="s">
        <v>139</v>
      </c>
      <c r="Y98" s="11" t="s">
        <v>162</v>
      </c>
      <c r="Z98" s="11" t="s">
        <v>102</v>
      </c>
      <c r="AA98" s="11" t="s">
        <v>113</v>
      </c>
      <c r="AB98" s="11" t="s">
        <v>254</v>
      </c>
    </row>
    <row r="99" spans="1:28">
      <c r="A99" s="11" t="s">
        <v>40</v>
      </c>
      <c r="B99" s="48">
        <v>44620</v>
      </c>
      <c r="C99" s="11" t="s">
        <v>45</v>
      </c>
      <c r="D99" s="11">
        <v>2</v>
      </c>
      <c r="E99" s="11">
        <v>2022</v>
      </c>
      <c r="F99" s="11" t="s">
        <v>61</v>
      </c>
      <c r="G99" s="11" t="s">
        <v>241</v>
      </c>
      <c r="H99" s="11" t="s">
        <v>99</v>
      </c>
      <c r="I99" s="11" t="s">
        <v>100</v>
      </c>
      <c r="J99" s="11" t="s">
        <v>101</v>
      </c>
      <c r="K99" s="11">
        <v>23040</v>
      </c>
      <c r="L99" s="11" t="s">
        <v>102</v>
      </c>
      <c r="M99" s="11" t="s">
        <v>102</v>
      </c>
      <c r="N99" s="11" t="s">
        <v>103</v>
      </c>
      <c r="O99" s="11" t="s">
        <v>104</v>
      </c>
      <c r="P99" s="11" t="s">
        <v>200</v>
      </c>
      <c r="Q99" s="11" t="s">
        <v>106</v>
      </c>
      <c r="R99" s="11" t="s">
        <v>107</v>
      </c>
      <c r="S99" s="11" t="s">
        <v>108</v>
      </c>
      <c r="T99" s="11" t="s">
        <v>102</v>
      </c>
      <c r="U99" s="11" t="s">
        <v>116</v>
      </c>
      <c r="V99" s="11" t="s">
        <v>255</v>
      </c>
      <c r="W99" s="11">
        <v>1</v>
      </c>
      <c r="X99" s="11" t="s">
        <v>139</v>
      </c>
      <c r="Y99" s="11" t="s">
        <v>156</v>
      </c>
      <c r="Z99" s="11" t="s">
        <v>102</v>
      </c>
      <c r="AA99" s="11" t="s">
        <v>113</v>
      </c>
      <c r="AB99" s="11" t="s">
        <v>243</v>
      </c>
    </row>
    <row r="100" spans="1:28">
      <c r="A100" s="11" t="s">
        <v>41</v>
      </c>
      <c r="B100" s="48">
        <v>44620</v>
      </c>
      <c r="C100" s="11" t="s">
        <v>45</v>
      </c>
      <c r="D100" s="11">
        <v>2</v>
      </c>
      <c r="E100" s="11">
        <v>2022</v>
      </c>
      <c r="F100" s="11" t="s">
        <v>61</v>
      </c>
      <c r="G100" s="11" t="s">
        <v>241</v>
      </c>
      <c r="H100" s="11" t="s">
        <v>99</v>
      </c>
      <c r="I100" s="11" t="s">
        <v>100</v>
      </c>
      <c r="J100" s="11" t="s">
        <v>101</v>
      </c>
      <c r="K100" s="11">
        <v>1066</v>
      </c>
      <c r="L100" s="11" t="s">
        <v>102</v>
      </c>
      <c r="M100" s="11" t="s">
        <v>102</v>
      </c>
      <c r="N100" s="11" t="s">
        <v>103</v>
      </c>
      <c r="O100" s="11" t="s">
        <v>214</v>
      </c>
      <c r="P100" s="11" t="s">
        <v>200</v>
      </c>
      <c r="Q100" s="11" t="s">
        <v>106</v>
      </c>
      <c r="R100" s="11" t="s">
        <v>107</v>
      </c>
      <c r="S100" s="11" t="s">
        <v>108</v>
      </c>
      <c r="T100" s="11" t="s">
        <v>102</v>
      </c>
      <c r="U100" s="11" t="s">
        <v>116</v>
      </c>
      <c r="V100" s="11" t="s">
        <v>256</v>
      </c>
      <c r="W100" s="11">
        <v>6</v>
      </c>
      <c r="X100" s="11" t="s">
        <v>139</v>
      </c>
      <c r="Y100" s="11" t="s">
        <v>156</v>
      </c>
      <c r="Z100" s="11" t="s">
        <v>102</v>
      </c>
      <c r="AA100" s="11" t="s">
        <v>113</v>
      </c>
      <c r="AB100" s="11" t="s">
        <v>248</v>
      </c>
    </row>
    <row r="101" spans="1:28">
      <c r="A101" s="11" t="s">
        <v>42</v>
      </c>
      <c r="B101" s="48">
        <v>44620</v>
      </c>
      <c r="C101" s="11" t="s">
        <v>45</v>
      </c>
      <c r="D101" s="11">
        <v>2</v>
      </c>
      <c r="E101" s="11">
        <v>2022</v>
      </c>
      <c r="F101" s="11" t="s">
        <v>61</v>
      </c>
      <c r="G101" s="11" t="s">
        <v>241</v>
      </c>
      <c r="H101" s="11" t="s">
        <v>99</v>
      </c>
      <c r="I101" s="11" t="s">
        <v>100</v>
      </c>
      <c r="J101" s="11" t="s">
        <v>101</v>
      </c>
      <c r="K101" s="11">
        <v>19702</v>
      </c>
      <c r="L101" s="11" t="s">
        <v>102</v>
      </c>
      <c r="M101" s="11" t="s">
        <v>102</v>
      </c>
      <c r="N101" s="11" t="s">
        <v>103</v>
      </c>
      <c r="O101" s="11" t="s">
        <v>143</v>
      </c>
      <c r="P101" s="11" t="s">
        <v>200</v>
      </c>
      <c r="Q101" s="11" t="s">
        <v>106</v>
      </c>
      <c r="R101" s="11" t="s">
        <v>107</v>
      </c>
      <c r="S101" s="11" t="s">
        <v>108</v>
      </c>
      <c r="T101" s="11" t="s">
        <v>102</v>
      </c>
      <c r="U101" s="11" t="s">
        <v>116</v>
      </c>
      <c r="V101" s="11" t="s">
        <v>257</v>
      </c>
      <c r="W101" s="11">
        <v>43</v>
      </c>
      <c r="X101" s="11" t="s">
        <v>139</v>
      </c>
      <c r="Y101" s="11" t="s">
        <v>156</v>
      </c>
      <c r="Z101" s="11" t="s">
        <v>102</v>
      </c>
      <c r="AA101" s="11" t="s">
        <v>113</v>
      </c>
      <c r="AB101" s="11" t="s">
        <v>252</v>
      </c>
    </row>
    <row r="102" spans="1:28">
      <c r="A102" s="11" t="s">
        <v>40</v>
      </c>
      <c r="B102" s="48">
        <v>44651</v>
      </c>
      <c r="C102" s="11" t="s">
        <v>45</v>
      </c>
      <c r="D102" s="11">
        <v>3</v>
      </c>
      <c r="E102" s="11">
        <v>2022</v>
      </c>
      <c r="F102" s="11" t="s">
        <v>61</v>
      </c>
      <c r="G102" s="11" t="s">
        <v>241</v>
      </c>
      <c r="H102" s="11" t="s">
        <v>99</v>
      </c>
      <c r="I102" s="11" t="s">
        <v>100</v>
      </c>
      <c r="J102" s="11" t="s">
        <v>101</v>
      </c>
      <c r="K102" s="11">
        <v>23040</v>
      </c>
      <c r="L102" s="11" t="s">
        <v>102</v>
      </c>
      <c r="M102" s="11" t="s">
        <v>102</v>
      </c>
      <c r="N102" s="11" t="s">
        <v>103</v>
      </c>
      <c r="O102" s="11" t="s">
        <v>104</v>
      </c>
      <c r="P102" s="11" t="s">
        <v>200</v>
      </c>
      <c r="Q102" s="11" t="s">
        <v>106</v>
      </c>
      <c r="R102" s="11" t="s">
        <v>107</v>
      </c>
      <c r="S102" s="11" t="s">
        <v>108</v>
      </c>
      <c r="T102" s="11" t="s">
        <v>102</v>
      </c>
      <c r="U102" s="11" t="s">
        <v>116</v>
      </c>
      <c r="V102" s="11" t="s">
        <v>258</v>
      </c>
      <c r="W102" s="11">
        <v>1</v>
      </c>
      <c r="X102" s="11" t="s">
        <v>139</v>
      </c>
      <c r="Y102" s="11" t="s">
        <v>156</v>
      </c>
      <c r="Z102" s="11" t="s">
        <v>102</v>
      </c>
      <c r="AA102" s="11" t="s">
        <v>113</v>
      </c>
      <c r="AB102" s="11" t="s">
        <v>243</v>
      </c>
    </row>
    <row r="103" spans="1:28">
      <c r="A103" s="11" t="s">
        <v>41</v>
      </c>
      <c r="B103" s="48">
        <v>44651</v>
      </c>
      <c r="C103" s="11" t="s">
        <v>45</v>
      </c>
      <c r="D103" s="11">
        <v>3</v>
      </c>
      <c r="E103" s="11">
        <v>2022</v>
      </c>
      <c r="F103" s="11" t="s">
        <v>61</v>
      </c>
      <c r="G103" s="11" t="s">
        <v>241</v>
      </c>
      <c r="H103" s="11" t="s">
        <v>99</v>
      </c>
      <c r="I103" s="11" t="s">
        <v>100</v>
      </c>
      <c r="J103" s="11" t="s">
        <v>101</v>
      </c>
      <c r="K103" s="11">
        <v>1066</v>
      </c>
      <c r="L103" s="11" t="s">
        <v>102</v>
      </c>
      <c r="M103" s="11" t="s">
        <v>102</v>
      </c>
      <c r="N103" s="11" t="s">
        <v>103</v>
      </c>
      <c r="O103" s="11" t="s">
        <v>214</v>
      </c>
      <c r="P103" s="11" t="s">
        <v>200</v>
      </c>
      <c r="Q103" s="11" t="s">
        <v>106</v>
      </c>
      <c r="R103" s="11" t="s">
        <v>107</v>
      </c>
      <c r="S103" s="11" t="s">
        <v>108</v>
      </c>
      <c r="T103" s="11" t="s">
        <v>102</v>
      </c>
      <c r="U103" s="11" t="s">
        <v>116</v>
      </c>
      <c r="V103" s="11" t="s">
        <v>259</v>
      </c>
      <c r="W103" s="11">
        <v>6</v>
      </c>
      <c r="X103" s="11" t="s">
        <v>139</v>
      </c>
      <c r="Y103" s="11" t="s">
        <v>156</v>
      </c>
      <c r="Z103" s="11" t="s">
        <v>102</v>
      </c>
      <c r="AA103" s="11" t="s">
        <v>113</v>
      </c>
      <c r="AB103" s="11" t="s">
        <v>248</v>
      </c>
    </row>
    <row r="104" spans="1:28">
      <c r="A104" s="11" t="s">
        <v>42</v>
      </c>
      <c r="B104" s="48">
        <v>44651</v>
      </c>
      <c r="C104" s="11" t="s">
        <v>45</v>
      </c>
      <c r="D104" s="11">
        <v>3</v>
      </c>
      <c r="E104" s="11">
        <v>2022</v>
      </c>
      <c r="F104" s="11" t="s">
        <v>61</v>
      </c>
      <c r="G104" s="11" t="s">
        <v>241</v>
      </c>
      <c r="H104" s="11" t="s">
        <v>99</v>
      </c>
      <c r="I104" s="11" t="s">
        <v>100</v>
      </c>
      <c r="J104" s="11" t="s">
        <v>101</v>
      </c>
      <c r="K104" s="11">
        <v>19702</v>
      </c>
      <c r="L104" s="11" t="s">
        <v>102</v>
      </c>
      <c r="M104" s="11" t="s">
        <v>102</v>
      </c>
      <c r="N104" s="11" t="s">
        <v>103</v>
      </c>
      <c r="O104" s="11" t="s">
        <v>143</v>
      </c>
      <c r="P104" s="11" t="s">
        <v>200</v>
      </c>
      <c r="Q104" s="11" t="s">
        <v>106</v>
      </c>
      <c r="R104" s="11" t="s">
        <v>107</v>
      </c>
      <c r="S104" s="11" t="s">
        <v>108</v>
      </c>
      <c r="T104" s="11" t="s">
        <v>102</v>
      </c>
      <c r="U104" s="11" t="s">
        <v>116</v>
      </c>
      <c r="V104" s="11" t="s">
        <v>260</v>
      </c>
      <c r="W104" s="11">
        <v>43</v>
      </c>
      <c r="X104" s="11" t="s">
        <v>139</v>
      </c>
      <c r="Y104" s="11" t="s">
        <v>156</v>
      </c>
      <c r="Z104" s="11" t="s">
        <v>102</v>
      </c>
      <c r="AA104" s="11" t="s">
        <v>113</v>
      </c>
      <c r="AB104" s="11" t="s">
        <v>252</v>
      </c>
    </row>
    <row r="105" spans="1:28">
      <c r="A105" s="11" t="s">
        <v>40</v>
      </c>
      <c r="B105" s="48">
        <v>44681</v>
      </c>
      <c r="C105" s="11" t="s">
        <v>45</v>
      </c>
      <c r="D105" s="11">
        <v>4</v>
      </c>
      <c r="E105" s="11">
        <v>2022</v>
      </c>
      <c r="F105" s="11" t="s">
        <v>61</v>
      </c>
      <c r="G105" s="11" t="s">
        <v>241</v>
      </c>
      <c r="H105" s="11" t="s">
        <v>99</v>
      </c>
      <c r="I105" s="11" t="s">
        <v>100</v>
      </c>
      <c r="J105" s="11" t="s">
        <v>101</v>
      </c>
      <c r="K105" s="11">
        <v>23040</v>
      </c>
      <c r="L105" s="11" t="s">
        <v>102</v>
      </c>
      <c r="M105" s="11" t="s">
        <v>102</v>
      </c>
      <c r="N105" s="11" t="s">
        <v>103</v>
      </c>
      <c r="O105" s="11" t="s">
        <v>104</v>
      </c>
      <c r="P105" s="11" t="s">
        <v>200</v>
      </c>
      <c r="Q105" s="11" t="s">
        <v>106</v>
      </c>
      <c r="R105" s="11" t="s">
        <v>107</v>
      </c>
      <c r="S105" s="11" t="s">
        <v>108</v>
      </c>
      <c r="T105" s="11" t="s">
        <v>102</v>
      </c>
      <c r="U105" s="11" t="s">
        <v>116</v>
      </c>
      <c r="V105" s="11" t="s">
        <v>261</v>
      </c>
      <c r="W105" s="11">
        <v>1</v>
      </c>
      <c r="X105" s="11" t="s">
        <v>139</v>
      </c>
      <c r="Y105" s="11" t="s">
        <v>156</v>
      </c>
      <c r="Z105" s="11" t="s">
        <v>102</v>
      </c>
      <c r="AA105" s="11" t="s">
        <v>113</v>
      </c>
      <c r="AB105" s="11" t="s">
        <v>243</v>
      </c>
    </row>
    <row r="106" spans="1:28">
      <c r="A106" s="11" t="s">
        <v>41</v>
      </c>
      <c r="B106" s="48">
        <v>44681</v>
      </c>
      <c r="C106" s="11" t="s">
        <v>45</v>
      </c>
      <c r="D106" s="11">
        <v>4</v>
      </c>
      <c r="E106" s="11">
        <v>2022</v>
      </c>
      <c r="F106" s="11" t="s">
        <v>61</v>
      </c>
      <c r="G106" s="11" t="s">
        <v>241</v>
      </c>
      <c r="H106" s="11" t="s">
        <v>99</v>
      </c>
      <c r="I106" s="11" t="s">
        <v>100</v>
      </c>
      <c r="J106" s="11" t="s">
        <v>101</v>
      </c>
      <c r="K106" s="11">
        <v>1066</v>
      </c>
      <c r="L106" s="11" t="s">
        <v>102</v>
      </c>
      <c r="M106" s="11" t="s">
        <v>102</v>
      </c>
      <c r="N106" s="11" t="s">
        <v>103</v>
      </c>
      <c r="O106" s="11" t="s">
        <v>214</v>
      </c>
      <c r="P106" s="11" t="s">
        <v>200</v>
      </c>
      <c r="Q106" s="11" t="s">
        <v>106</v>
      </c>
      <c r="R106" s="11" t="s">
        <v>107</v>
      </c>
      <c r="S106" s="11" t="s">
        <v>108</v>
      </c>
      <c r="T106" s="11" t="s">
        <v>102</v>
      </c>
      <c r="U106" s="11" t="s">
        <v>116</v>
      </c>
      <c r="V106" s="11" t="s">
        <v>262</v>
      </c>
      <c r="W106" s="11">
        <v>6</v>
      </c>
      <c r="X106" s="11" t="s">
        <v>139</v>
      </c>
      <c r="Y106" s="11" t="s">
        <v>156</v>
      </c>
      <c r="Z106" s="11" t="s">
        <v>102</v>
      </c>
      <c r="AA106" s="11" t="s">
        <v>113</v>
      </c>
      <c r="AB106" s="11" t="s">
        <v>248</v>
      </c>
    </row>
    <row r="107" spans="1:28">
      <c r="A107" s="11" t="s">
        <v>42</v>
      </c>
      <c r="B107" s="48">
        <v>44681</v>
      </c>
      <c r="C107" s="11" t="s">
        <v>45</v>
      </c>
      <c r="D107" s="11">
        <v>4</v>
      </c>
      <c r="E107" s="11">
        <v>2022</v>
      </c>
      <c r="F107" s="11" t="s">
        <v>61</v>
      </c>
      <c r="G107" s="11" t="s">
        <v>241</v>
      </c>
      <c r="H107" s="11" t="s">
        <v>99</v>
      </c>
      <c r="I107" s="11" t="s">
        <v>100</v>
      </c>
      <c r="J107" s="11" t="s">
        <v>101</v>
      </c>
      <c r="K107" s="11">
        <v>19702</v>
      </c>
      <c r="L107" s="11" t="s">
        <v>102</v>
      </c>
      <c r="M107" s="11" t="s">
        <v>102</v>
      </c>
      <c r="N107" s="11" t="s">
        <v>103</v>
      </c>
      <c r="O107" s="11" t="s">
        <v>143</v>
      </c>
      <c r="P107" s="11" t="s">
        <v>200</v>
      </c>
      <c r="Q107" s="11" t="s">
        <v>106</v>
      </c>
      <c r="R107" s="11" t="s">
        <v>107</v>
      </c>
      <c r="S107" s="11" t="s">
        <v>108</v>
      </c>
      <c r="T107" s="11" t="s">
        <v>102</v>
      </c>
      <c r="U107" s="11" t="s">
        <v>116</v>
      </c>
      <c r="V107" s="11" t="s">
        <v>263</v>
      </c>
      <c r="W107" s="11">
        <v>43</v>
      </c>
      <c r="X107" s="11" t="s">
        <v>139</v>
      </c>
      <c r="Y107" s="11" t="s">
        <v>156</v>
      </c>
      <c r="Z107" s="11" t="s">
        <v>102</v>
      </c>
      <c r="AA107" s="11" t="s">
        <v>113</v>
      </c>
      <c r="AB107" s="11" t="s">
        <v>252</v>
      </c>
    </row>
    <row r="108" spans="1:28">
      <c r="A108" s="11" t="s">
        <v>40</v>
      </c>
      <c r="B108" s="48">
        <v>44712</v>
      </c>
      <c r="C108" s="11" t="s">
        <v>45</v>
      </c>
      <c r="D108" s="11">
        <v>5</v>
      </c>
      <c r="E108" s="11">
        <v>2022</v>
      </c>
      <c r="F108" s="11" t="s">
        <v>61</v>
      </c>
      <c r="G108" s="11" t="s">
        <v>241</v>
      </c>
      <c r="H108" s="11" t="s">
        <v>99</v>
      </c>
      <c r="I108" s="11" t="s">
        <v>100</v>
      </c>
      <c r="J108" s="11" t="s">
        <v>101</v>
      </c>
      <c r="K108" s="11">
        <v>23040</v>
      </c>
      <c r="L108" s="11" t="s">
        <v>102</v>
      </c>
      <c r="M108" s="11" t="s">
        <v>102</v>
      </c>
      <c r="N108" s="11" t="s">
        <v>103</v>
      </c>
      <c r="O108" s="11" t="s">
        <v>104</v>
      </c>
      <c r="P108" s="11" t="s">
        <v>200</v>
      </c>
      <c r="Q108" s="11" t="s">
        <v>106</v>
      </c>
      <c r="R108" s="11" t="s">
        <v>107</v>
      </c>
      <c r="S108" s="11" t="s">
        <v>108</v>
      </c>
      <c r="T108" s="11" t="s">
        <v>102</v>
      </c>
      <c r="U108" s="11" t="s">
        <v>116</v>
      </c>
      <c r="V108" s="11" t="s">
        <v>264</v>
      </c>
      <c r="W108" s="11">
        <v>1</v>
      </c>
      <c r="X108" s="11" t="s">
        <v>139</v>
      </c>
      <c r="Y108" s="11" t="s">
        <v>184</v>
      </c>
      <c r="Z108" s="11" t="s">
        <v>102</v>
      </c>
      <c r="AA108" s="11" t="s">
        <v>113</v>
      </c>
      <c r="AB108" s="11" t="s">
        <v>243</v>
      </c>
    </row>
    <row r="109" spans="1:28">
      <c r="A109" s="11" t="s">
        <v>41</v>
      </c>
      <c r="B109" s="48">
        <v>44712</v>
      </c>
      <c r="C109" s="11" t="s">
        <v>45</v>
      </c>
      <c r="D109" s="11">
        <v>5</v>
      </c>
      <c r="E109" s="11">
        <v>2022</v>
      </c>
      <c r="F109" s="11" t="s">
        <v>61</v>
      </c>
      <c r="G109" s="11" t="s">
        <v>241</v>
      </c>
      <c r="H109" s="11" t="s">
        <v>99</v>
      </c>
      <c r="I109" s="11" t="s">
        <v>100</v>
      </c>
      <c r="J109" s="11" t="s">
        <v>101</v>
      </c>
      <c r="K109" s="11">
        <v>1066</v>
      </c>
      <c r="L109" s="11" t="s">
        <v>102</v>
      </c>
      <c r="M109" s="11" t="s">
        <v>102</v>
      </c>
      <c r="N109" s="11" t="s">
        <v>103</v>
      </c>
      <c r="O109" s="11" t="s">
        <v>214</v>
      </c>
      <c r="P109" s="11" t="s">
        <v>200</v>
      </c>
      <c r="Q109" s="11" t="s">
        <v>106</v>
      </c>
      <c r="R109" s="11" t="s">
        <v>107</v>
      </c>
      <c r="S109" s="11" t="s">
        <v>108</v>
      </c>
      <c r="T109" s="11" t="s">
        <v>102</v>
      </c>
      <c r="U109" s="11" t="s">
        <v>116</v>
      </c>
      <c r="V109" s="11" t="s">
        <v>265</v>
      </c>
      <c r="W109" s="11">
        <v>6</v>
      </c>
      <c r="X109" s="11" t="s">
        <v>139</v>
      </c>
      <c r="Y109" s="11" t="s">
        <v>184</v>
      </c>
      <c r="Z109" s="11" t="s">
        <v>102</v>
      </c>
      <c r="AA109" s="11" t="s">
        <v>113</v>
      </c>
      <c r="AB109" s="11" t="s">
        <v>248</v>
      </c>
    </row>
    <row r="110" spans="1:28">
      <c r="A110" s="11" t="s">
        <v>42</v>
      </c>
      <c r="B110" s="48">
        <v>44712</v>
      </c>
      <c r="C110" s="11" t="s">
        <v>45</v>
      </c>
      <c r="D110" s="11">
        <v>5</v>
      </c>
      <c r="E110" s="11">
        <v>2022</v>
      </c>
      <c r="F110" s="11" t="s">
        <v>61</v>
      </c>
      <c r="G110" s="11" t="s">
        <v>241</v>
      </c>
      <c r="H110" s="11" t="s">
        <v>99</v>
      </c>
      <c r="I110" s="11" t="s">
        <v>100</v>
      </c>
      <c r="J110" s="11" t="s">
        <v>101</v>
      </c>
      <c r="K110" s="11">
        <v>19702</v>
      </c>
      <c r="L110" s="11" t="s">
        <v>102</v>
      </c>
      <c r="M110" s="11" t="s">
        <v>102</v>
      </c>
      <c r="N110" s="11" t="s">
        <v>103</v>
      </c>
      <c r="O110" s="11" t="s">
        <v>143</v>
      </c>
      <c r="P110" s="11" t="s">
        <v>200</v>
      </c>
      <c r="Q110" s="11" t="s">
        <v>106</v>
      </c>
      <c r="R110" s="11" t="s">
        <v>107</v>
      </c>
      <c r="S110" s="11" t="s">
        <v>108</v>
      </c>
      <c r="T110" s="11" t="s">
        <v>102</v>
      </c>
      <c r="U110" s="11" t="s">
        <v>116</v>
      </c>
      <c r="V110" s="11" t="s">
        <v>266</v>
      </c>
      <c r="W110" s="11">
        <v>43</v>
      </c>
      <c r="X110" s="11" t="s">
        <v>139</v>
      </c>
      <c r="Y110" s="11" t="s">
        <v>184</v>
      </c>
      <c r="Z110" s="11" t="s">
        <v>102</v>
      </c>
      <c r="AA110" s="11" t="s">
        <v>113</v>
      </c>
      <c r="AB110" s="11" t="s">
        <v>252</v>
      </c>
    </row>
    <row r="111" spans="1:28">
      <c r="A111" s="11" t="s">
        <v>40</v>
      </c>
      <c r="B111" s="48">
        <v>44740</v>
      </c>
      <c r="C111" s="11" t="s">
        <v>45</v>
      </c>
      <c r="D111" s="11">
        <v>6</v>
      </c>
      <c r="E111" s="11">
        <v>2022</v>
      </c>
      <c r="F111" s="11" t="s">
        <v>61</v>
      </c>
      <c r="G111" s="11" t="s">
        <v>241</v>
      </c>
      <c r="H111" s="11" t="s">
        <v>267</v>
      </c>
      <c r="I111" s="11" t="s">
        <v>100</v>
      </c>
      <c r="J111" s="11" t="s">
        <v>101</v>
      </c>
      <c r="K111" s="11">
        <v>23040</v>
      </c>
      <c r="L111" s="11" t="s">
        <v>102</v>
      </c>
      <c r="M111" s="11" t="s">
        <v>102</v>
      </c>
      <c r="N111" s="11" t="s">
        <v>103</v>
      </c>
      <c r="O111" s="11" t="s">
        <v>104</v>
      </c>
      <c r="P111" s="11" t="s">
        <v>200</v>
      </c>
      <c r="Q111" s="11" t="s">
        <v>106</v>
      </c>
      <c r="R111" s="11" t="s">
        <v>107</v>
      </c>
      <c r="S111" s="11" t="s">
        <v>108</v>
      </c>
      <c r="T111" s="11" t="s">
        <v>102</v>
      </c>
      <c r="U111" s="11" t="s">
        <v>116</v>
      </c>
      <c r="V111" s="11" t="s">
        <v>268</v>
      </c>
      <c r="W111" s="11">
        <v>1</v>
      </c>
      <c r="X111" s="11" t="s">
        <v>111</v>
      </c>
      <c r="Y111" s="11" t="s">
        <v>269</v>
      </c>
      <c r="Z111" s="11" t="s">
        <v>102</v>
      </c>
      <c r="AA111" s="11" t="s">
        <v>113</v>
      </c>
      <c r="AB111" s="11" t="s">
        <v>243</v>
      </c>
    </row>
    <row r="112" spans="1:28">
      <c r="A112" s="11" t="s">
        <v>41</v>
      </c>
      <c r="B112" s="48">
        <v>44740</v>
      </c>
      <c r="C112" s="11" t="s">
        <v>45</v>
      </c>
      <c r="D112" s="11">
        <v>6</v>
      </c>
      <c r="E112" s="11">
        <v>2022</v>
      </c>
      <c r="F112" s="11" t="s">
        <v>61</v>
      </c>
      <c r="G112" s="11" t="s">
        <v>241</v>
      </c>
      <c r="H112" s="11" t="s">
        <v>267</v>
      </c>
      <c r="I112" s="11" t="s">
        <v>100</v>
      </c>
      <c r="J112" s="11" t="s">
        <v>101</v>
      </c>
      <c r="K112" s="11">
        <v>1066</v>
      </c>
      <c r="L112" s="11" t="s">
        <v>102</v>
      </c>
      <c r="M112" s="11" t="s">
        <v>102</v>
      </c>
      <c r="N112" s="11" t="s">
        <v>103</v>
      </c>
      <c r="O112" s="11" t="s">
        <v>214</v>
      </c>
      <c r="P112" s="11" t="s">
        <v>200</v>
      </c>
      <c r="Q112" s="11" t="s">
        <v>106</v>
      </c>
      <c r="R112" s="11" t="s">
        <v>107</v>
      </c>
      <c r="S112" s="11" t="s">
        <v>108</v>
      </c>
      <c r="T112" s="11" t="s">
        <v>102</v>
      </c>
      <c r="U112" s="11" t="s">
        <v>116</v>
      </c>
      <c r="V112" s="11" t="s">
        <v>270</v>
      </c>
      <c r="W112" s="11">
        <v>6</v>
      </c>
      <c r="X112" s="11" t="s">
        <v>111</v>
      </c>
      <c r="Y112" s="11" t="s">
        <v>269</v>
      </c>
      <c r="Z112" s="11" t="s">
        <v>102</v>
      </c>
      <c r="AA112" s="11" t="s">
        <v>113</v>
      </c>
      <c r="AB112" s="11" t="s">
        <v>248</v>
      </c>
    </row>
    <row r="113" spans="1:28">
      <c r="A113" s="11" t="s">
        <v>42</v>
      </c>
      <c r="B113" s="48">
        <v>44740</v>
      </c>
      <c r="C113" s="11" t="s">
        <v>45</v>
      </c>
      <c r="D113" s="11">
        <v>6</v>
      </c>
      <c r="E113" s="11">
        <v>2022</v>
      </c>
      <c r="F113" s="11" t="s">
        <v>61</v>
      </c>
      <c r="G113" s="11" t="s">
        <v>241</v>
      </c>
      <c r="H113" s="11" t="s">
        <v>267</v>
      </c>
      <c r="I113" s="11" t="s">
        <v>100</v>
      </c>
      <c r="J113" s="11" t="s">
        <v>101</v>
      </c>
      <c r="K113" s="11">
        <v>19702</v>
      </c>
      <c r="L113" s="11" t="s">
        <v>102</v>
      </c>
      <c r="M113" s="11" t="s">
        <v>102</v>
      </c>
      <c r="N113" s="11" t="s">
        <v>103</v>
      </c>
      <c r="O113" s="11" t="s">
        <v>143</v>
      </c>
      <c r="P113" s="11" t="s">
        <v>200</v>
      </c>
      <c r="Q113" s="11" t="s">
        <v>106</v>
      </c>
      <c r="R113" s="11" t="s">
        <v>107</v>
      </c>
      <c r="S113" s="11" t="s">
        <v>108</v>
      </c>
      <c r="T113" s="11" t="s">
        <v>102</v>
      </c>
      <c r="U113" s="11" t="s">
        <v>116</v>
      </c>
      <c r="V113" s="11" t="s">
        <v>271</v>
      </c>
      <c r="W113" s="11">
        <v>10</v>
      </c>
      <c r="X113" s="11" t="s">
        <v>111</v>
      </c>
      <c r="Y113" s="11" t="s">
        <v>269</v>
      </c>
      <c r="Z113" s="11" t="s">
        <v>102</v>
      </c>
      <c r="AA113" s="11" t="s">
        <v>113</v>
      </c>
      <c r="AB113" s="11" t="s">
        <v>252</v>
      </c>
    </row>
    <row r="114" spans="1:28">
      <c r="A114" s="11" t="s">
        <v>40</v>
      </c>
      <c r="B114" s="48">
        <v>44773</v>
      </c>
      <c r="C114" s="11" t="s">
        <v>45</v>
      </c>
      <c r="D114" s="11">
        <v>7</v>
      </c>
      <c r="E114" s="11">
        <v>2022</v>
      </c>
      <c r="F114" s="11" t="s">
        <v>61</v>
      </c>
      <c r="G114" s="11" t="s">
        <v>241</v>
      </c>
      <c r="H114" s="11" t="s">
        <v>244</v>
      </c>
      <c r="I114" s="11" t="s">
        <v>100</v>
      </c>
      <c r="J114" s="11" t="s">
        <v>101</v>
      </c>
      <c r="K114" s="11">
        <v>23040</v>
      </c>
      <c r="L114" s="11" t="s">
        <v>102</v>
      </c>
      <c r="M114" s="11" t="s">
        <v>102</v>
      </c>
      <c r="N114" s="11" t="s">
        <v>103</v>
      </c>
      <c r="O114" s="11" t="s">
        <v>104</v>
      </c>
      <c r="P114" s="11" t="s">
        <v>200</v>
      </c>
      <c r="Q114" s="11" t="s">
        <v>106</v>
      </c>
      <c r="R114" s="11" t="s">
        <v>107</v>
      </c>
      <c r="S114" s="11" t="s">
        <v>108</v>
      </c>
      <c r="T114" s="11" t="s">
        <v>102</v>
      </c>
      <c r="U114" s="11" t="s">
        <v>116</v>
      </c>
      <c r="V114" s="11" t="s">
        <v>272</v>
      </c>
      <c r="W114" s="11">
        <v>1</v>
      </c>
      <c r="X114" s="11" t="s">
        <v>139</v>
      </c>
      <c r="Y114" s="11" t="s">
        <v>184</v>
      </c>
      <c r="Z114" s="11" t="s">
        <v>102</v>
      </c>
      <c r="AA114" s="11" t="s">
        <v>113</v>
      </c>
      <c r="AB114" s="11" t="s">
        <v>243</v>
      </c>
    </row>
    <row r="115" spans="1:28">
      <c r="A115" s="11" t="s">
        <v>40</v>
      </c>
      <c r="B115" s="48">
        <v>44771</v>
      </c>
      <c r="C115" s="11" t="s">
        <v>62</v>
      </c>
      <c r="D115" s="11">
        <v>7</v>
      </c>
      <c r="E115" s="11">
        <v>2022</v>
      </c>
      <c r="F115" s="11" t="s">
        <v>61</v>
      </c>
      <c r="G115" s="11" t="s">
        <v>241</v>
      </c>
      <c r="H115" s="11" t="s">
        <v>273</v>
      </c>
      <c r="I115" s="11" t="s">
        <v>100</v>
      </c>
      <c r="J115" s="11" t="s">
        <v>101</v>
      </c>
      <c r="K115" s="11">
        <v>7910.33</v>
      </c>
      <c r="L115" s="11" t="s">
        <v>102</v>
      </c>
      <c r="M115" s="11" t="s">
        <v>102</v>
      </c>
      <c r="N115" s="11" t="s">
        <v>103</v>
      </c>
      <c r="O115" s="11" t="s">
        <v>104</v>
      </c>
      <c r="P115" s="11" t="s">
        <v>200</v>
      </c>
      <c r="Q115" s="11" t="s">
        <v>106</v>
      </c>
      <c r="R115" s="11" t="s">
        <v>107</v>
      </c>
      <c r="S115" s="11" t="s">
        <v>108</v>
      </c>
      <c r="T115" s="11" t="s">
        <v>102</v>
      </c>
      <c r="U115" s="11" t="s">
        <v>116</v>
      </c>
      <c r="V115" s="11" t="s">
        <v>274</v>
      </c>
      <c r="W115" s="11">
        <v>2</v>
      </c>
      <c r="X115" s="11" t="s">
        <v>111</v>
      </c>
      <c r="Y115" s="11" t="s">
        <v>275</v>
      </c>
      <c r="Z115" s="11" t="s">
        <v>102</v>
      </c>
      <c r="AA115" s="11" t="s">
        <v>216</v>
      </c>
      <c r="AB115" s="11" t="s">
        <v>276</v>
      </c>
    </row>
    <row r="116" spans="1:28">
      <c r="A116" s="11" t="s">
        <v>41</v>
      </c>
      <c r="B116" s="48">
        <v>44773</v>
      </c>
      <c r="C116" s="11" t="s">
        <v>45</v>
      </c>
      <c r="D116" s="11">
        <v>7</v>
      </c>
      <c r="E116" s="11">
        <v>2022</v>
      </c>
      <c r="F116" s="11" t="s">
        <v>61</v>
      </c>
      <c r="G116" s="11" t="s">
        <v>241</v>
      </c>
      <c r="H116" s="11" t="s">
        <v>244</v>
      </c>
      <c r="I116" s="11" t="s">
        <v>100</v>
      </c>
      <c r="J116" s="11" t="s">
        <v>101</v>
      </c>
      <c r="K116" s="11">
        <v>1066</v>
      </c>
      <c r="L116" s="11" t="s">
        <v>102</v>
      </c>
      <c r="M116" s="11" t="s">
        <v>102</v>
      </c>
      <c r="N116" s="11" t="s">
        <v>103</v>
      </c>
      <c r="O116" s="11" t="s">
        <v>214</v>
      </c>
      <c r="P116" s="11" t="s">
        <v>200</v>
      </c>
      <c r="Q116" s="11" t="s">
        <v>106</v>
      </c>
      <c r="R116" s="11" t="s">
        <v>107</v>
      </c>
      <c r="S116" s="11" t="s">
        <v>108</v>
      </c>
      <c r="T116" s="11" t="s">
        <v>102</v>
      </c>
      <c r="U116" s="11" t="s">
        <v>116</v>
      </c>
      <c r="V116" s="11" t="s">
        <v>277</v>
      </c>
      <c r="W116" s="11">
        <v>6</v>
      </c>
      <c r="X116" s="11" t="s">
        <v>139</v>
      </c>
      <c r="Y116" s="11" t="s">
        <v>184</v>
      </c>
      <c r="Z116" s="11" t="s">
        <v>102</v>
      </c>
      <c r="AA116" s="11" t="s">
        <v>113</v>
      </c>
      <c r="AB116" s="11" t="s">
        <v>248</v>
      </c>
    </row>
    <row r="117" spans="1:28">
      <c r="A117" s="11" t="s">
        <v>41</v>
      </c>
      <c r="B117" s="48">
        <v>44773</v>
      </c>
      <c r="C117" s="11" t="s">
        <v>278</v>
      </c>
      <c r="D117" s="11">
        <v>7</v>
      </c>
      <c r="E117" s="11">
        <v>2022</v>
      </c>
      <c r="F117" s="11" t="s">
        <v>61</v>
      </c>
      <c r="G117" s="11" t="s">
        <v>241</v>
      </c>
      <c r="H117" s="11" t="s">
        <v>279</v>
      </c>
      <c r="I117" s="11" t="s">
        <v>130</v>
      </c>
      <c r="J117" s="11" t="s">
        <v>101</v>
      </c>
      <c r="K117" s="11">
        <v>6600</v>
      </c>
      <c r="L117" s="11" t="s">
        <v>102</v>
      </c>
      <c r="M117" s="11" t="s">
        <v>102</v>
      </c>
      <c r="N117" s="11" t="s">
        <v>103</v>
      </c>
      <c r="O117" s="11" t="s">
        <v>214</v>
      </c>
      <c r="P117" s="11" t="s">
        <v>200</v>
      </c>
      <c r="Q117" s="11" t="s">
        <v>106</v>
      </c>
      <c r="R117" s="11" t="s">
        <v>107</v>
      </c>
      <c r="S117" s="11" t="s">
        <v>280</v>
      </c>
      <c r="T117" s="11" t="s">
        <v>102</v>
      </c>
      <c r="U117" s="11" t="s">
        <v>116</v>
      </c>
      <c r="V117" s="11" t="s">
        <v>281</v>
      </c>
      <c r="W117" s="11">
        <v>2</v>
      </c>
      <c r="X117" s="11" t="s">
        <v>139</v>
      </c>
      <c r="Y117" s="11" t="s">
        <v>184</v>
      </c>
      <c r="Z117" s="11" t="s">
        <v>102</v>
      </c>
      <c r="AA117" s="11" t="s">
        <v>113</v>
      </c>
      <c r="AB117" s="11" t="s">
        <v>282</v>
      </c>
    </row>
    <row r="118" spans="1:28">
      <c r="A118" s="11" t="s">
        <v>42</v>
      </c>
      <c r="B118" s="48">
        <v>44773</v>
      </c>
      <c r="C118" s="11" t="s">
        <v>45</v>
      </c>
      <c r="D118" s="11">
        <v>7</v>
      </c>
      <c r="E118" s="11">
        <v>2022</v>
      </c>
      <c r="F118" s="11" t="s">
        <v>61</v>
      </c>
      <c r="G118" s="11" t="s">
        <v>241</v>
      </c>
      <c r="H118" s="11" t="s">
        <v>244</v>
      </c>
      <c r="I118" s="11" t="s">
        <v>100</v>
      </c>
      <c r="J118" s="11" t="s">
        <v>101</v>
      </c>
      <c r="K118" s="11">
        <v>19702</v>
      </c>
      <c r="L118" s="11" t="s">
        <v>102</v>
      </c>
      <c r="M118" s="11" t="s">
        <v>102</v>
      </c>
      <c r="N118" s="11" t="s">
        <v>103</v>
      </c>
      <c r="O118" s="11" t="s">
        <v>143</v>
      </c>
      <c r="P118" s="11" t="s">
        <v>200</v>
      </c>
      <c r="Q118" s="11" t="s">
        <v>106</v>
      </c>
      <c r="R118" s="11" t="s">
        <v>107</v>
      </c>
      <c r="S118" s="11" t="s">
        <v>108</v>
      </c>
      <c r="T118" s="11" t="s">
        <v>102</v>
      </c>
      <c r="U118" s="11" t="s">
        <v>116</v>
      </c>
      <c r="V118" s="11" t="s">
        <v>283</v>
      </c>
      <c r="W118" s="11">
        <v>10</v>
      </c>
      <c r="X118" s="11" t="s">
        <v>139</v>
      </c>
      <c r="Y118" s="11" t="s">
        <v>184</v>
      </c>
      <c r="Z118" s="11" t="s">
        <v>102</v>
      </c>
      <c r="AA118" s="11" t="s">
        <v>113</v>
      </c>
      <c r="AB118" s="11" t="s">
        <v>252</v>
      </c>
    </row>
    <row r="119" spans="1:28">
      <c r="A119" s="11" t="s">
        <v>40</v>
      </c>
      <c r="B119" s="48">
        <v>44804</v>
      </c>
      <c r="C119" s="11" t="s">
        <v>45</v>
      </c>
      <c r="D119" s="11">
        <v>8</v>
      </c>
      <c r="E119" s="11">
        <v>2022</v>
      </c>
      <c r="F119" s="11" t="s">
        <v>61</v>
      </c>
      <c r="G119" s="11" t="s">
        <v>241</v>
      </c>
      <c r="H119" s="11" t="s">
        <v>244</v>
      </c>
      <c r="I119" s="11" t="s">
        <v>100</v>
      </c>
      <c r="J119" s="11" t="s">
        <v>101</v>
      </c>
      <c r="K119" s="11">
        <v>23040</v>
      </c>
      <c r="L119" s="11" t="s">
        <v>102</v>
      </c>
      <c r="M119" s="11" t="s">
        <v>102</v>
      </c>
      <c r="N119" s="11" t="s">
        <v>103</v>
      </c>
      <c r="O119" s="11" t="s">
        <v>104</v>
      </c>
      <c r="P119" s="11" t="s">
        <v>200</v>
      </c>
      <c r="Q119" s="11" t="s">
        <v>106</v>
      </c>
      <c r="R119" s="11" t="s">
        <v>107</v>
      </c>
      <c r="S119" s="11" t="s">
        <v>108</v>
      </c>
      <c r="T119" s="11" t="s">
        <v>102</v>
      </c>
      <c r="U119" s="11" t="s">
        <v>116</v>
      </c>
      <c r="V119" s="11" t="s">
        <v>284</v>
      </c>
      <c r="W119" s="11">
        <v>1</v>
      </c>
      <c r="X119" s="11" t="s">
        <v>139</v>
      </c>
      <c r="Y119" s="11" t="s">
        <v>184</v>
      </c>
      <c r="Z119" s="11" t="s">
        <v>102</v>
      </c>
      <c r="AA119" s="11" t="s">
        <v>113</v>
      </c>
      <c r="AB119" s="11" t="s">
        <v>243</v>
      </c>
    </row>
    <row r="120" spans="1:28">
      <c r="A120" s="11" t="s">
        <v>41</v>
      </c>
      <c r="B120" s="48">
        <v>44804</v>
      </c>
      <c r="C120" s="11" t="s">
        <v>45</v>
      </c>
      <c r="D120" s="11">
        <v>8</v>
      </c>
      <c r="E120" s="11">
        <v>2022</v>
      </c>
      <c r="F120" s="11" t="s">
        <v>61</v>
      </c>
      <c r="G120" s="11" t="s">
        <v>241</v>
      </c>
      <c r="H120" s="11" t="s">
        <v>244</v>
      </c>
      <c r="I120" s="11" t="s">
        <v>100</v>
      </c>
      <c r="J120" s="11" t="s">
        <v>101</v>
      </c>
      <c r="K120" s="11">
        <v>1066</v>
      </c>
      <c r="L120" s="11" t="s">
        <v>102</v>
      </c>
      <c r="M120" s="11" t="s">
        <v>102</v>
      </c>
      <c r="N120" s="11" t="s">
        <v>103</v>
      </c>
      <c r="O120" s="11" t="s">
        <v>214</v>
      </c>
      <c r="P120" s="11" t="s">
        <v>200</v>
      </c>
      <c r="Q120" s="11" t="s">
        <v>106</v>
      </c>
      <c r="R120" s="11" t="s">
        <v>107</v>
      </c>
      <c r="S120" s="11" t="s">
        <v>108</v>
      </c>
      <c r="T120" s="11" t="s">
        <v>102</v>
      </c>
      <c r="U120" s="11" t="s">
        <v>116</v>
      </c>
      <c r="V120" s="11" t="s">
        <v>285</v>
      </c>
      <c r="W120" s="11">
        <v>6</v>
      </c>
      <c r="X120" s="11" t="s">
        <v>139</v>
      </c>
      <c r="Y120" s="11" t="s">
        <v>184</v>
      </c>
      <c r="Z120" s="11" t="s">
        <v>102</v>
      </c>
      <c r="AA120" s="11" t="s">
        <v>113</v>
      </c>
      <c r="AB120" s="11" t="s">
        <v>248</v>
      </c>
    </row>
    <row r="121" spans="1:28">
      <c r="A121" s="11" t="s">
        <v>42</v>
      </c>
      <c r="B121" s="48">
        <v>44804</v>
      </c>
      <c r="C121" s="11" t="s">
        <v>45</v>
      </c>
      <c r="D121" s="11">
        <v>8</v>
      </c>
      <c r="E121" s="11">
        <v>2022</v>
      </c>
      <c r="F121" s="11" t="s">
        <v>61</v>
      </c>
      <c r="G121" s="11" t="s">
        <v>241</v>
      </c>
      <c r="H121" s="11" t="s">
        <v>244</v>
      </c>
      <c r="I121" s="11" t="s">
        <v>100</v>
      </c>
      <c r="J121" s="11" t="s">
        <v>101</v>
      </c>
      <c r="K121" s="11">
        <v>19702</v>
      </c>
      <c r="L121" s="11" t="s">
        <v>102</v>
      </c>
      <c r="M121" s="11" t="s">
        <v>102</v>
      </c>
      <c r="N121" s="11" t="s">
        <v>103</v>
      </c>
      <c r="O121" s="11" t="s">
        <v>143</v>
      </c>
      <c r="P121" s="11" t="s">
        <v>200</v>
      </c>
      <c r="Q121" s="11" t="s">
        <v>106</v>
      </c>
      <c r="R121" s="11" t="s">
        <v>107</v>
      </c>
      <c r="S121" s="11" t="s">
        <v>108</v>
      </c>
      <c r="T121" s="11" t="s">
        <v>102</v>
      </c>
      <c r="U121" s="11" t="s">
        <v>116</v>
      </c>
      <c r="V121" s="11" t="s">
        <v>286</v>
      </c>
      <c r="W121" s="11">
        <v>10</v>
      </c>
      <c r="X121" s="11" t="s">
        <v>139</v>
      </c>
      <c r="Y121" s="11" t="s">
        <v>184</v>
      </c>
      <c r="Z121" s="11" t="s">
        <v>102</v>
      </c>
      <c r="AA121" s="11" t="s">
        <v>113</v>
      </c>
      <c r="AB121" s="11" t="s">
        <v>252</v>
      </c>
    </row>
    <row r="122" spans="1:28">
      <c r="A122" s="11" t="s">
        <v>40</v>
      </c>
      <c r="B122" s="48">
        <v>44834</v>
      </c>
      <c r="C122" s="11" t="s">
        <v>45</v>
      </c>
      <c r="D122" s="11">
        <v>9</v>
      </c>
      <c r="E122" s="11">
        <v>2022</v>
      </c>
      <c r="F122" s="11" t="s">
        <v>61</v>
      </c>
      <c r="G122" s="11" t="s">
        <v>241</v>
      </c>
      <c r="H122" s="11" t="s">
        <v>244</v>
      </c>
      <c r="I122" s="11" t="s">
        <v>100</v>
      </c>
      <c r="J122" s="11" t="s">
        <v>101</v>
      </c>
      <c r="K122" s="11">
        <v>23040</v>
      </c>
      <c r="L122" s="11" t="s">
        <v>102</v>
      </c>
      <c r="M122" s="11" t="s">
        <v>102</v>
      </c>
      <c r="N122" s="11" t="s">
        <v>103</v>
      </c>
      <c r="O122" s="11" t="s">
        <v>104</v>
      </c>
      <c r="P122" s="11" t="s">
        <v>200</v>
      </c>
      <c r="Q122" s="11" t="s">
        <v>106</v>
      </c>
      <c r="R122" s="11" t="s">
        <v>107</v>
      </c>
      <c r="S122" s="11" t="s">
        <v>108</v>
      </c>
      <c r="T122" s="11" t="s">
        <v>102</v>
      </c>
      <c r="U122" s="11" t="s">
        <v>116</v>
      </c>
      <c r="V122" s="11" t="s">
        <v>287</v>
      </c>
      <c r="W122" s="11">
        <v>1</v>
      </c>
      <c r="X122" s="11" t="s">
        <v>139</v>
      </c>
      <c r="Y122" s="11" t="s">
        <v>184</v>
      </c>
      <c r="Z122" s="11" t="s">
        <v>102</v>
      </c>
      <c r="AA122" s="11" t="s">
        <v>113</v>
      </c>
      <c r="AB122" s="11" t="s">
        <v>243</v>
      </c>
    </row>
    <row r="123" spans="1:28">
      <c r="A123" s="11" t="s">
        <v>41</v>
      </c>
      <c r="B123" s="48">
        <v>44834</v>
      </c>
      <c r="C123" s="11" t="s">
        <v>45</v>
      </c>
      <c r="D123" s="11">
        <v>9</v>
      </c>
      <c r="E123" s="11">
        <v>2022</v>
      </c>
      <c r="F123" s="11" t="s">
        <v>61</v>
      </c>
      <c r="G123" s="11" t="s">
        <v>241</v>
      </c>
      <c r="H123" s="11" t="s">
        <v>244</v>
      </c>
      <c r="I123" s="11" t="s">
        <v>100</v>
      </c>
      <c r="J123" s="11" t="s">
        <v>101</v>
      </c>
      <c r="K123" s="11">
        <v>1066</v>
      </c>
      <c r="L123" s="11" t="s">
        <v>102</v>
      </c>
      <c r="M123" s="11" t="s">
        <v>102</v>
      </c>
      <c r="N123" s="11" t="s">
        <v>103</v>
      </c>
      <c r="O123" s="11" t="s">
        <v>214</v>
      </c>
      <c r="P123" s="11" t="s">
        <v>200</v>
      </c>
      <c r="Q123" s="11" t="s">
        <v>106</v>
      </c>
      <c r="R123" s="11" t="s">
        <v>107</v>
      </c>
      <c r="S123" s="11" t="s">
        <v>108</v>
      </c>
      <c r="T123" s="11" t="s">
        <v>102</v>
      </c>
      <c r="U123" s="11" t="s">
        <v>116</v>
      </c>
      <c r="V123" s="11" t="s">
        <v>288</v>
      </c>
      <c r="W123" s="11">
        <v>6</v>
      </c>
      <c r="X123" s="11" t="s">
        <v>139</v>
      </c>
      <c r="Y123" s="11" t="s">
        <v>184</v>
      </c>
      <c r="Z123" s="11" t="s">
        <v>102</v>
      </c>
      <c r="AA123" s="11" t="s">
        <v>113</v>
      </c>
      <c r="AB123" s="11" t="s">
        <v>248</v>
      </c>
    </row>
    <row r="124" spans="1:28">
      <c r="A124" s="11" t="s">
        <v>42</v>
      </c>
      <c r="B124" s="48">
        <v>44834</v>
      </c>
      <c r="C124" s="11" t="s">
        <v>45</v>
      </c>
      <c r="D124" s="11">
        <v>9</v>
      </c>
      <c r="E124" s="11">
        <v>2022</v>
      </c>
      <c r="F124" s="11" t="s">
        <v>61</v>
      </c>
      <c r="G124" s="11" t="s">
        <v>241</v>
      </c>
      <c r="H124" s="11" t="s">
        <v>244</v>
      </c>
      <c r="I124" s="11" t="s">
        <v>100</v>
      </c>
      <c r="J124" s="11" t="s">
        <v>101</v>
      </c>
      <c r="K124" s="11">
        <v>19702</v>
      </c>
      <c r="L124" s="11" t="s">
        <v>102</v>
      </c>
      <c r="M124" s="11" t="s">
        <v>102</v>
      </c>
      <c r="N124" s="11" t="s">
        <v>103</v>
      </c>
      <c r="O124" s="11" t="s">
        <v>143</v>
      </c>
      <c r="P124" s="11" t="s">
        <v>200</v>
      </c>
      <c r="Q124" s="11" t="s">
        <v>106</v>
      </c>
      <c r="R124" s="11" t="s">
        <v>107</v>
      </c>
      <c r="S124" s="11" t="s">
        <v>108</v>
      </c>
      <c r="T124" s="11" t="s">
        <v>102</v>
      </c>
      <c r="U124" s="11" t="s">
        <v>116</v>
      </c>
      <c r="V124" s="11" t="s">
        <v>289</v>
      </c>
      <c r="W124" s="11">
        <v>10</v>
      </c>
      <c r="X124" s="11" t="s">
        <v>139</v>
      </c>
      <c r="Y124" s="11" t="s">
        <v>184</v>
      </c>
      <c r="Z124" s="11" t="s">
        <v>102</v>
      </c>
      <c r="AA124" s="11" t="s">
        <v>113</v>
      </c>
      <c r="AB124" s="11" t="s">
        <v>252</v>
      </c>
    </row>
    <row r="125" spans="1:28">
      <c r="A125" s="11" t="s">
        <v>40</v>
      </c>
      <c r="B125" s="48">
        <v>44865</v>
      </c>
      <c r="C125" s="11" t="s">
        <v>45</v>
      </c>
      <c r="D125" s="11">
        <v>10</v>
      </c>
      <c r="E125" s="11">
        <v>2022</v>
      </c>
      <c r="F125" s="11" t="s">
        <v>61</v>
      </c>
      <c r="G125" s="11" t="s">
        <v>241</v>
      </c>
      <c r="H125" s="11" t="s">
        <v>244</v>
      </c>
      <c r="I125" s="11" t="s">
        <v>100</v>
      </c>
      <c r="J125" s="11" t="s">
        <v>101</v>
      </c>
      <c r="K125" s="11">
        <v>23040</v>
      </c>
      <c r="L125" s="11" t="s">
        <v>102</v>
      </c>
      <c r="M125" s="11" t="s">
        <v>102</v>
      </c>
      <c r="N125" s="11" t="s">
        <v>103</v>
      </c>
      <c r="O125" s="11" t="s">
        <v>104</v>
      </c>
      <c r="P125" s="11" t="s">
        <v>200</v>
      </c>
      <c r="Q125" s="11" t="s">
        <v>106</v>
      </c>
      <c r="R125" s="11" t="s">
        <v>107</v>
      </c>
      <c r="S125" s="11" t="s">
        <v>108</v>
      </c>
      <c r="T125" s="11" t="s">
        <v>102</v>
      </c>
      <c r="U125" s="11" t="s">
        <v>116</v>
      </c>
      <c r="V125" s="11" t="s">
        <v>290</v>
      </c>
      <c r="W125" s="11">
        <v>1</v>
      </c>
      <c r="X125" s="11" t="s">
        <v>139</v>
      </c>
      <c r="Y125" s="11" t="s">
        <v>184</v>
      </c>
      <c r="Z125" s="11" t="s">
        <v>102</v>
      </c>
      <c r="AA125" s="11" t="s">
        <v>113</v>
      </c>
      <c r="AB125" s="11" t="s">
        <v>243</v>
      </c>
    </row>
    <row r="126" spans="1:28">
      <c r="A126" s="11" t="s">
        <v>41</v>
      </c>
      <c r="B126" s="48">
        <v>44865</v>
      </c>
      <c r="C126" s="11" t="s">
        <v>45</v>
      </c>
      <c r="D126" s="11">
        <v>10</v>
      </c>
      <c r="E126" s="11">
        <v>2022</v>
      </c>
      <c r="F126" s="11" t="s">
        <v>61</v>
      </c>
      <c r="G126" s="11" t="s">
        <v>241</v>
      </c>
      <c r="H126" s="11" t="s">
        <v>244</v>
      </c>
      <c r="I126" s="11" t="s">
        <v>100</v>
      </c>
      <c r="J126" s="11" t="s">
        <v>101</v>
      </c>
      <c r="K126" s="11">
        <v>1066</v>
      </c>
      <c r="L126" s="11" t="s">
        <v>102</v>
      </c>
      <c r="M126" s="11" t="s">
        <v>102</v>
      </c>
      <c r="N126" s="11" t="s">
        <v>103</v>
      </c>
      <c r="O126" s="11" t="s">
        <v>214</v>
      </c>
      <c r="P126" s="11" t="s">
        <v>200</v>
      </c>
      <c r="Q126" s="11" t="s">
        <v>106</v>
      </c>
      <c r="R126" s="11" t="s">
        <v>107</v>
      </c>
      <c r="S126" s="11" t="s">
        <v>108</v>
      </c>
      <c r="T126" s="11" t="s">
        <v>102</v>
      </c>
      <c r="U126" s="11" t="s">
        <v>116</v>
      </c>
      <c r="V126" s="11" t="s">
        <v>291</v>
      </c>
      <c r="W126" s="11">
        <v>6</v>
      </c>
      <c r="X126" s="11" t="s">
        <v>139</v>
      </c>
      <c r="Y126" s="11" t="s">
        <v>184</v>
      </c>
      <c r="Z126" s="11" t="s">
        <v>102</v>
      </c>
      <c r="AA126" s="11" t="s">
        <v>113</v>
      </c>
      <c r="AB126" s="11" t="s">
        <v>248</v>
      </c>
    </row>
    <row r="127" spans="1:28">
      <c r="A127" s="11" t="s">
        <v>42</v>
      </c>
      <c r="B127" s="48">
        <v>44865</v>
      </c>
      <c r="C127" s="11" t="s">
        <v>45</v>
      </c>
      <c r="D127" s="11">
        <v>10</v>
      </c>
      <c r="E127" s="11">
        <v>2022</v>
      </c>
      <c r="F127" s="11" t="s">
        <v>61</v>
      </c>
      <c r="G127" s="11" t="s">
        <v>241</v>
      </c>
      <c r="H127" s="11" t="s">
        <v>244</v>
      </c>
      <c r="I127" s="11" t="s">
        <v>100</v>
      </c>
      <c r="J127" s="11" t="s">
        <v>101</v>
      </c>
      <c r="K127" s="11">
        <v>19702</v>
      </c>
      <c r="L127" s="11" t="s">
        <v>102</v>
      </c>
      <c r="M127" s="11" t="s">
        <v>102</v>
      </c>
      <c r="N127" s="11" t="s">
        <v>103</v>
      </c>
      <c r="O127" s="11" t="s">
        <v>143</v>
      </c>
      <c r="P127" s="11" t="s">
        <v>200</v>
      </c>
      <c r="Q127" s="11" t="s">
        <v>106</v>
      </c>
      <c r="R127" s="11" t="s">
        <v>107</v>
      </c>
      <c r="S127" s="11" t="s">
        <v>108</v>
      </c>
      <c r="T127" s="11" t="s">
        <v>102</v>
      </c>
      <c r="U127" s="11" t="s">
        <v>116</v>
      </c>
      <c r="V127" s="11" t="s">
        <v>292</v>
      </c>
      <c r="W127" s="11">
        <v>10</v>
      </c>
      <c r="X127" s="11" t="s">
        <v>139</v>
      </c>
      <c r="Y127" s="11" t="s">
        <v>184</v>
      </c>
      <c r="Z127" s="11" t="s">
        <v>102</v>
      </c>
      <c r="AA127" s="11" t="s">
        <v>113</v>
      </c>
      <c r="AB127" s="11" t="s">
        <v>252</v>
      </c>
    </row>
    <row r="128" spans="1:28">
      <c r="A128" s="11" t="s">
        <v>40</v>
      </c>
      <c r="B128" s="48">
        <v>44895</v>
      </c>
      <c r="C128" s="11" t="s">
        <v>45</v>
      </c>
      <c r="D128" s="11">
        <v>11</v>
      </c>
      <c r="E128" s="11">
        <v>2022</v>
      </c>
      <c r="F128" s="11" t="s">
        <v>61</v>
      </c>
      <c r="G128" s="11" t="s">
        <v>241</v>
      </c>
      <c r="H128" s="11" t="s">
        <v>244</v>
      </c>
      <c r="I128" s="11" t="s">
        <v>100</v>
      </c>
      <c r="J128" s="11" t="s">
        <v>101</v>
      </c>
      <c r="K128" s="11">
        <v>23040</v>
      </c>
      <c r="L128" s="11" t="s">
        <v>102</v>
      </c>
      <c r="M128" s="11" t="s">
        <v>102</v>
      </c>
      <c r="N128" s="11" t="s">
        <v>103</v>
      </c>
      <c r="O128" s="11" t="s">
        <v>104</v>
      </c>
      <c r="P128" s="11" t="s">
        <v>200</v>
      </c>
      <c r="Q128" s="11" t="s">
        <v>106</v>
      </c>
      <c r="R128" s="11" t="s">
        <v>107</v>
      </c>
      <c r="S128" s="11" t="s">
        <v>108</v>
      </c>
      <c r="T128" s="11" t="s">
        <v>102</v>
      </c>
      <c r="U128" s="11" t="s">
        <v>116</v>
      </c>
      <c r="V128" s="11" t="s">
        <v>293</v>
      </c>
      <c r="W128" s="11">
        <v>1</v>
      </c>
      <c r="X128" s="11" t="s">
        <v>139</v>
      </c>
      <c r="Y128" s="11" t="s">
        <v>184</v>
      </c>
      <c r="Z128" s="11" t="s">
        <v>102</v>
      </c>
      <c r="AA128" s="11" t="s">
        <v>113</v>
      </c>
      <c r="AB128" s="11" t="s">
        <v>243</v>
      </c>
    </row>
    <row r="129" spans="1:28">
      <c r="A129" s="11" t="s">
        <v>41</v>
      </c>
      <c r="B129" s="48">
        <v>44895</v>
      </c>
      <c r="C129" s="11" t="s">
        <v>45</v>
      </c>
      <c r="D129" s="11">
        <v>11</v>
      </c>
      <c r="E129" s="11">
        <v>2022</v>
      </c>
      <c r="F129" s="11" t="s">
        <v>61</v>
      </c>
      <c r="G129" s="11" t="s">
        <v>241</v>
      </c>
      <c r="H129" s="11" t="s">
        <v>244</v>
      </c>
      <c r="I129" s="11" t="s">
        <v>100</v>
      </c>
      <c r="J129" s="11" t="s">
        <v>101</v>
      </c>
      <c r="K129" s="11">
        <v>1066</v>
      </c>
      <c r="L129" s="11" t="s">
        <v>102</v>
      </c>
      <c r="M129" s="11" t="s">
        <v>102</v>
      </c>
      <c r="N129" s="11" t="s">
        <v>103</v>
      </c>
      <c r="O129" s="11" t="s">
        <v>214</v>
      </c>
      <c r="P129" s="11" t="s">
        <v>200</v>
      </c>
      <c r="Q129" s="11" t="s">
        <v>106</v>
      </c>
      <c r="R129" s="11" t="s">
        <v>107</v>
      </c>
      <c r="S129" s="11" t="s">
        <v>108</v>
      </c>
      <c r="T129" s="11" t="s">
        <v>102</v>
      </c>
      <c r="U129" s="11" t="s">
        <v>116</v>
      </c>
      <c r="V129" s="11" t="s">
        <v>294</v>
      </c>
      <c r="W129" s="11">
        <v>6</v>
      </c>
      <c r="X129" s="11" t="s">
        <v>139</v>
      </c>
      <c r="Y129" s="11" t="s">
        <v>184</v>
      </c>
      <c r="Z129" s="11" t="s">
        <v>102</v>
      </c>
      <c r="AA129" s="11" t="s">
        <v>113</v>
      </c>
      <c r="AB129" s="11" t="s">
        <v>248</v>
      </c>
    </row>
    <row r="130" spans="1:28">
      <c r="A130" s="11" t="s">
        <v>42</v>
      </c>
      <c r="B130" s="48">
        <v>44895</v>
      </c>
      <c r="C130" s="11" t="s">
        <v>45</v>
      </c>
      <c r="D130" s="11">
        <v>11</v>
      </c>
      <c r="E130" s="11">
        <v>2022</v>
      </c>
      <c r="F130" s="11" t="s">
        <v>61</v>
      </c>
      <c r="G130" s="11" t="s">
        <v>241</v>
      </c>
      <c r="H130" s="11" t="s">
        <v>244</v>
      </c>
      <c r="I130" s="11" t="s">
        <v>100</v>
      </c>
      <c r="J130" s="11" t="s">
        <v>101</v>
      </c>
      <c r="K130" s="11">
        <v>19702</v>
      </c>
      <c r="L130" s="11" t="s">
        <v>102</v>
      </c>
      <c r="M130" s="11" t="s">
        <v>102</v>
      </c>
      <c r="N130" s="11" t="s">
        <v>103</v>
      </c>
      <c r="O130" s="11" t="s">
        <v>143</v>
      </c>
      <c r="P130" s="11" t="s">
        <v>200</v>
      </c>
      <c r="Q130" s="11" t="s">
        <v>106</v>
      </c>
      <c r="R130" s="11" t="s">
        <v>107</v>
      </c>
      <c r="S130" s="11" t="s">
        <v>108</v>
      </c>
      <c r="T130" s="11" t="s">
        <v>102</v>
      </c>
      <c r="U130" s="11" t="s">
        <v>116</v>
      </c>
      <c r="V130" s="11" t="s">
        <v>295</v>
      </c>
      <c r="W130" s="11">
        <v>10</v>
      </c>
      <c r="X130" s="11" t="s">
        <v>139</v>
      </c>
      <c r="Y130" s="11" t="s">
        <v>184</v>
      </c>
      <c r="Z130" s="11" t="s">
        <v>102</v>
      </c>
      <c r="AA130" s="11" t="s">
        <v>113</v>
      </c>
      <c r="AB130" s="11" t="s">
        <v>252</v>
      </c>
    </row>
    <row r="131" spans="1:28">
      <c r="A131" s="11" t="s">
        <v>40</v>
      </c>
      <c r="B131" s="48">
        <v>44925</v>
      </c>
      <c r="C131" s="11" t="s">
        <v>45</v>
      </c>
      <c r="D131" s="11">
        <v>12</v>
      </c>
      <c r="E131" s="11">
        <v>2022</v>
      </c>
      <c r="F131" s="11" t="s">
        <v>61</v>
      </c>
      <c r="G131" s="11" t="s">
        <v>241</v>
      </c>
      <c r="H131" s="11" t="s">
        <v>244</v>
      </c>
      <c r="I131" s="11" t="s">
        <v>100</v>
      </c>
      <c r="J131" s="11" t="s">
        <v>101</v>
      </c>
      <c r="K131" s="11">
        <v>23038</v>
      </c>
      <c r="L131" s="11" t="s">
        <v>102</v>
      </c>
      <c r="M131" s="11" t="s">
        <v>102</v>
      </c>
      <c r="N131" s="11" t="s">
        <v>103</v>
      </c>
      <c r="O131" s="11" t="s">
        <v>104</v>
      </c>
      <c r="P131" s="11" t="s">
        <v>200</v>
      </c>
      <c r="Q131" s="11" t="s">
        <v>106</v>
      </c>
      <c r="R131" s="11" t="s">
        <v>107</v>
      </c>
      <c r="S131" s="11" t="s">
        <v>108</v>
      </c>
      <c r="T131" s="11" t="s">
        <v>102</v>
      </c>
      <c r="U131" s="11" t="s">
        <v>116</v>
      </c>
      <c r="V131" s="11" t="s">
        <v>296</v>
      </c>
      <c r="W131" s="11">
        <v>1</v>
      </c>
      <c r="X131" s="11" t="s">
        <v>139</v>
      </c>
      <c r="Y131" s="11" t="s">
        <v>184</v>
      </c>
      <c r="Z131" s="11" t="s">
        <v>102</v>
      </c>
      <c r="AA131" s="11" t="s">
        <v>113</v>
      </c>
      <c r="AB131" s="11" t="s">
        <v>243</v>
      </c>
    </row>
    <row r="132" spans="1:28">
      <c r="A132" s="11" t="s">
        <v>41</v>
      </c>
      <c r="B132" s="48">
        <v>44925</v>
      </c>
      <c r="C132" s="11" t="s">
        <v>45</v>
      </c>
      <c r="D132" s="11">
        <v>12</v>
      </c>
      <c r="E132" s="11">
        <v>2022</v>
      </c>
      <c r="F132" s="11" t="s">
        <v>61</v>
      </c>
      <c r="G132" s="11" t="s">
        <v>241</v>
      </c>
      <c r="H132" s="11" t="s">
        <v>244</v>
      </c>
      <c r="I132" s="11" t="s">
        <v>100</v>
      </c>
      <c r="J132" s="11" t="s">
        <v>101</v>
      </c>
      <c r="K132" s="11">
        <v>1071</v>
      </c>
      <c r="L132" s="11" t="s">
        <v>102</v>
      </c>
      <c r="M132" s="11" t="s">
        <v>102</v>
      </c>
      <c r="N132" s="11" t="s">
        <v>103</v>
      </c>
      <c r="O132" s="11" t="s">
        <v>214</v>
      </c>
      <c r="P132" s="11" t="s">
        <v>200</v>
      </c>
      <c r="Q132" s="11" t="s">
        <v>106</v>
      </c>
      <c r="R132" s="11" t="s">
        <v>107</v>
      </c>
      <c r="S132" s="11" t="s">
        <v>108</v>
      </c>
      <c r="T132" s="11" t="s">
        <v>102</v>
      </c>
      <c r="U132" s="11" t="s">
        <v>116</v>
      </c>
      <c r="V132" s="11" t="s">
        <v>297</v>
      </c>
      <c r="W132" s="11">
        <v>6</v>
      </c>
      <c r="X132" s="11" t="s">
        <v>139</v>
      </c>
      <c r="Y132" s="11" t="s">
        <v>184</v>
      </c>
      <c r="Z132" s="11" t="s">
        <v>102</v>
      </c>
      <c r="AA132" s="11" t="s">
        <v>113</v>
      </c>
      <c r="AB132" s="11" t="s">
        <v>248</v>
      </c>
    </row>
    <row r="133" spans="1:28">
      <c r="A133" s="11" t="s">
        <v>42</v>
      </c>
      <c r="B133" s="48">
        <v>44925</v>
      </c>
      <c r="C133" s="11" t="s">
        <v>45</v>
      </c>
      <c r="D133" s="11">
        <v>12</v>
      </c>
      <c r="E133" s="11">
        <v>2022</v>
      </c>
      <c r="F133" s="11" t="s">
        <v>61</v>
      </c>
      <c r="G133" s="11" t="s">
        <v>241</v>
      </c>
      <c r="H133" s="11" t="s">
        <v>244</v>
      </c>
      <c r="I133" s="11" t="s">
        <v>100</v>
      </c>
      <c r="J133" s="11" t="s">
        <v>101</v>
      </c>
      <c r="K133" s="11">
        <v>19703</v>
      </c>
      <c r="L133" s="11" t="s">
        <v>102</v>
      </c>
      <c r="M133" s="11" t="s">
        <v>102</v>
      </c>
      <c r="N133" s="11" t="s">
        <v>103</v>
      </c>
      <c r="O133" s="11" t="s">
        <v>143</v>
      </c>
      <c r="P133" s="11" t="s">
        <v>200</v>
      </c>
      <c r="Q133" s="11" t="s">
        <v>106</v>
      </c>
      <c r="R133" s="11" t="s">
        <v>107</v>
      </c>
      <c r="S133" s="11" t="s">
        <v>108</v>
      </c>
      <c r="T133" s="11" t="s">
        <v>102</v>
      </c>
      <c r="U133" s="11" t="s">
        <v>116</v>
      </c>
      <c r="V133" s="11" t="s">
        <v>298</v>
      </c>
      <c r="W133" s="11">
        <v>10</v>
      </c>
      <c r="X133" s="11" t="s">
        <v>139</v>
      </c>
      <c r="Y133" s="11" t="s">
        <v>184</v>
      </c>
      <c r="Z133" s="11" t="s">
        <v>102</v>
      </c>
      <c r="AA133" s="11" t="s">
        <v>113</v>
      </c>
      <c r="AB133" s="11" t="s">
        <v>252</v>
      </c>
    </row>
    <row r="134" spans="1:28">
      <c r="A134" s="11" t="s">
        <v>40</v>
      </c>
      <c r="B134" s="48">
        <v>44377</v>
      </c>
      <c r="C134" s="11" t="s">
        <v>65</v>
      </c>
      <c r="D134" s="11">
        <v>6</v>
      </c>
      <c r="E134" s="11">
        <v>2021</v>
      </c>
      <c r="F134" s="11" t="s">
        <v>299</v>
      </c>
      <c r="G134" s="11" t="s">
        <v>300</v>
      </c>
      <c r="H134" s="11" t="s">
        <v>301</v>
      </c>
      <c r="I134" s="11" t="s">
        <v>100</v>
      </c>
      <c r="J134" s="11" t="s">
        <v>101</v>
      </c>
      <c r="K134" s="11">
        <v>804.98</v>
      </c>
      <c r="L134" s="11" t="s">
        <v>102</v>
      </c>
      <c r="M134" s="11" t="s">
        <v>102</v>
      </c>
      <c r="N134" s="11" t="s">
        <v>103</v>
      </c>
      <c r="O134" s="11" t="s">
        <v>104</v>
      </c>
      <c r="P134" s="11" t="s">
        <v>302</v>
      </c>
      <c r="Q134" s="11" t="s">
        <v>106</v>
      </c>
      <c r="R134" s="11" t="s">
        <v>107</v>
      </c>
      <c r="S134" s="11" t="s">
        <v>108</v>
      </c>
      <c r="T134" s="11" t="s">
        <v>102</v>
      </c>
      <c r="U134" s="11" t="s">
        <v>116</v>
      </c>
      <c r="V134" s="11" t="s">
        <v>303</v>
      </c>
      <c r="W134" s="11">
        <v>2</v>
      </c>
      <c r="X134" s="11" t="s">
        <v>111</v>
      </c>
      <c r="Y134" s="11" t="s">
        <v>304</v>
      </c>
      <c r="Z134" s="11" t="s">
        <v>102</v>
      </c>
      <c r="AA134" s="11" t="s">
        <v>216</v>
      </c>
      <c r="AB134" s="11" t="s">
        <v>305</v>
      </c>
    </row>
    <row r="135" spans="1:28">
      <c r="A135" s="11" t="s">
        <v>40</v>
      </c>
      <c r="B135" s="48">
        <v>44957</v>
      </c>
      <c r="C135" s="11" t="s">
        <v>45</v>
      </c>
      <c r="D135" s="11">
        <v>1</v>
      </c>
      <c r="E135" s="11">
        <v>2023</v>
      </c>
      <c r="F135" s="11" t="s">
        <v>56</v>
      </c>
      <c r="G135" s="11" t="s">
        <v>98</v>
      </c>
      <c r="H135" s="11" t="s">
        <v>244</v>
      </c>
      <c r="I135" s="11" t="s">
        <v>100</v>
      </c>
      <c r="J135" s="11" t="s">
        <v>101</v>
      </c>
      <c r="K135" s="11">
        <v>804756</v>
      </c>
      <c r="L135" s="11" t="s">
        <v>102</v>
      </c>
      <c r="M135" s="11" t="s">
        <v>102</v>
      </c>
      <c r="N135" s="11" t="s">
        <v>103</v>
      </c>
      <c r="O135" s="11" t="s">
        <v>104</v>
      </c>
      <c r="P135" s="11" t="s">
        <v>105</v>
      </c>
      <c r="Q135" s="11" t="s">
        <v>106</v>
      </c>
      <c r="R135" s="11" t="s">
        <v>107</v>
      </c>
      <c r="S135" s="11" t="s">
        <v>108</v>
      </c>
      <c r="T135" s="11" t="s">
        <v>102</v>
      </c>
      <c r="U135" s="11" t="s">
        <v>116</v>
      </c>
      <c r="V135" s="11" t="s">
        <v>245</v>
      </c>
      <c r="W135" s="11">
        <v>3</v>
      </c>
      <c r="X135" s="11" t="s">
        <v>139</v>
      </c>
      <c r="Y135" s="11" t="s">
        <v>162</v>
      </c>
      <c r="Z135" s="11" t="s">
        <v>102</v>
      </c>
      <c r="AA135" s="11" t="s">
        <v>113</v>
      </c>
      <c r="AB135" s="11" t="s">
        <v>306</v>
      </c>
    </row>
    <row r="136" spans="1:28">
      <c r="A136" s="11" t="s">
        <v>41</v>
      </c>
      <c r="B136" s="48">
        <v>44957</v>
      </c>
      <c r="C136" s="11" t="s">
        <v>45</v>
      </c>
      <c r="D136" s="11">
        <v>1</v>
      </c>
      <c r="E136" s="11">
        <v>2023</v>
      </c>
      <c r="F136" s="11" t="s">
        <v>56</v>
      </c>
      <c r="G136" s="11" t="s">
        <v>98</v>
      </c>
      <c r="H136" s="11" t="s">
        <v>244</v>
      </c>
      <c r="I136" s="11" t="s">
        <v>100</v>
      </c>
      <c r="J136" s="11" t="s">
        <v>101</v>
      </c>
      <c r="K136" s="11">
        <v>161709</v>
      </c>
      <c r="L136" s="11" t="s">
        <v>102</v>
      </c>
      <c r="M136" s="11" t="s">
        <v>102</v>
      </c>
      <c r="N136" s="11" t="s">
        <v>103</v>
      </c>
      <c r="O136" s="11" t="s">
        <v>121</v>
      </c>
      <c r="P136" s="11" t="s">
        <v>105</v>
      </c>
      <c r="Q136" s="11" t="s">
        <v>106</v>
      </c>
      <c r="R136" s="11" t="s">
        <v>107</v>
      </c>
      <c r="S136" s="11" t="s">
        <v>108</v>
      </c>
      <c r="T136" s="11" t="s">
        <v>102</v>
      </c>
      <c r="U136" s="11" t="s">
        <v>116</v>
      </c>
      <c r="V136" s="11" t="s">
        <v>249</v>
      </c>
      <c r="W136" s="11">
        <v>8</v>
      </c>
      <c r="X136" s="11" t="s">
        <v>139</v>
      </c>
      <c r="Y136" s="11" t="s">
        <v>162</v>
      </c>
      <c r="Z136" s="11" t="s">
        <v>102</v>
      </c>
      <c r="AA136" s="11" t="s">
        <v>113</v>
      </c>
      <c r="AB136" s="11" t="s">
        <v>307</v>
      </c>
    </row>
    <row r="137" spans="1:28">
      <c r="A137" s="11" t="s">
        <v>42</v>
      </c>
      <c r="B137" s="48">
        <v>44957</v>
      </c>
      <c r="C137" s="11" t="s">
        <v>45</v>
      </c>
      <c r="D137" s="11">
        <v>1</v>
      </c>
      <c r="E137" s="11">
        <v>2023</v>
      </c>
      <c r="F137" s="11" t="s">
        <v>56</v>
      </c>
      <c r="G137" s="11" t="s">
        <v>98</v>
      </c>
      <c r="H137" s="11" t="s">
        <v>244</v>
      </c>
      <c r="I137" s="11" t="s">
        <v>100</v>
      </c>
      <c r="J137" s="11" t="s">
        <v>101</v>
      </c>
      <c r="K137" s="11">
        <v>503001</v>
      </c>
      <c r="L137" s="11" t="s">
        <v>102</v>
      </c>
      <c r="M137" s="11" t="s">
        <v>102</v>
      </c>
      <c r="N137" s="11" t="s">
        <v>103</v>
      </c>
      <c r="O137" s="11" t="s">
        <v>143</v>
      </c>
      <c r="P137" s="11" t="s">
        <v>105</v>
      </c>
      <c r="Q137" s="11" t="s">
        <v>106</v>
      </c>
      <c r="R137" s="11" t="s">
        <v>107</v>
      </c>
      <c r="S137" s="11" t="s">
        <v>108</v>
      </c>
      <c r="T137" s="11" t="s">
        <v>102</v>
      </c>
      <c r="U137" s="11" t="s">
        <v>116</v>
      </c>
      <c r="V137" s="11" t="s">
        <v>253</v>
      </c>
      <c r="W137" s="11">
        <v>13</v>
      </c>
      <c r="X137" s="11" t="s">
        <v>139</v>
      </c>
      <c r="Y137" s="11" t="s">
        <v>162</v>
      </c>
      <c r="Z137" s="11" t="s">
        <v>102</v>
      </c>
      <c r="AA137" s="11" t="s">
        <v>113</v>
      </c>
      <c r="AB137" s="11" t="s">
        <v>308</v>
      </c>
    </row>
    <row r="138" spans="1:28">
      <c r="A138" s="11" t="s">
        <v>40</v>
      </c>
      <c r="B138" s="48">
        <v>44977</v>
      </c>
      <c r="C138" s="11" t="s">
        <v>45</v>
      </c>
      <c r="D138" s="11">
        <v>2</v>
      </c>
      <c r="E138" s="11">
        <v>2023</v>
      </c>
      <c r="F138" s="11" t="s">
        <v>56</v>
      </c>
      <c r="G138" s="11" t="s">
        <v>98</v>
      </c>
      <c r="H138" s="11" t="s">
        <v>309</v>
      </c>
      <c r="I138" s="11" t="s">
        <v>100</v>
      </c>
      <c r="J138" s="11" t="s">
        <v>101</v>
      </c>
      <c r="K138" s="11">
        <v>804756</v>
      </c>
      <c r="L138" s="11" t="s">
        <v>102</v>
      </c>
      <c r="M138" s="11" t="s">
        <v>102</v>
      </c>
      <c r="N138" s="11" t="s">
        <v>103</v>
      </c>
      <c r="O138" s="11" t="s">
        <v>104</v>
      </c>
      <c r="P138" s="11" t="s">
        <v>105</v>
      </c>
      <c r="Q138" s="11" t="s">
        <v>106</v>
      </c>
      <c r="R138" s="11" t="s">
        <v>107</v>
      </c>
      <c r="S138" s="11" t="s">
        <v>108</v>
      </c>
      <c r="T138" s="11" t="s">
        <v>102</v>
      </c>
      <c r="U138" s="11" t="s">
        <v>116</v>
      </c>
      <c r="V138" s="11" t="s">
        <v>310</v>
      </c>
      <c r="W138" s="11">
        <v>3</v>
      </c>
      <c r="X138" s="11" t="s">
        <v>111</v>
      </c>
      <c r="Y138" s="11" t="s">
        <v>156</v>
      </c>
      <c r="Z138" s="11" t="s">
        <v>102</v>
      </c>
      <c r="AA138" s="11" t="s">
        <v>113</v>
      </c>
      <c r="AB138" s="11" t="s">
        <v>306</v>
      </c>
    </row>
    <row r="139" spans="1:28">
      <c r="A139" s="11" t="s">
        <v>41</v>
      </c>
      <c r="B139" s="48">
        <v>44977</v>
      </c>
      <c r="C139" s="11" t="s">
        <v>45</v>
      </c>
      <c r="D139" s="11">
        <v>2</v>
      </c>
      <c r="E139" s="11">
        <v>2023</v>
      </c>
      <c r="F139" s="11" t="s">
        <v>56</v>
      </c>
      <c r="G139" s="11" t="s">
        <v>98</v>
      </c>
      <c r="H139" s="11" t="s">
        <v>309</v>
      </c>
      <c r="I139" s="11" t="s">
        <v>100</v>
      </c>
      <c r="J139" s="11" t="s">
        <v>101</v>
      </c>
      <c r="K139" s="11">
        <v>161709</v>
      </c>
      <c r="L139" s="11" t="s">
        <v>102</v>
      </c>
      <c r="M139" s="11" t="s">
        <v>102</v>
      </c>
      <c r="N139" s="11" t="s">
        <v>103</v>
      </c>
      <c r="O139" s="11" t="s">
        <v>121</v>
      </c>
      <c r="P139" s="11" t="s">
        <v>105</v>
      </c>
      <c r="Q139" s="11" t="s">
        <v>106</v>
      </c>
      <c r="R139" s="11" t="s">
        <v>107</v>
      </c>
      <c r="S139" s="11" t="s">
        <v>108</v>
      </c>
      <c r="T139" s="11" t="s">
        <v>102</v>
      </c>
      <c r="U139" s="11" t="s">
        <v>116</v>
      </c>
      <c r="V139" s="11" t="s">
        <v>311</v>
      </c>
      <c r="W139" s="11">
        <v>7</v>
      </c>
      <c r="X139" s="11" t="s">
        <v>111</v>
      </c>
      <c r="Y139" s="11" t="s">
        <v>156</v>
      </c>
      <c r="Z139" s="11" t="s">
        <v>102</v>
      </c>
      <c r="AA139" s="11" t="s">
        <v>113</v>
      </c>
      <c r="AB139" s="11" t="s">
        <v>307</v>
      </c>
    </row>
    <row r="140" spans="1:28">
      <c r="A140" s="11" t="s">
        <v>42</v>
      </c>
      <c r="B140" s="48">
        <v>44977</v>
      </c>
      <c r="C140" s="11" t="s">
        <v>45</v>
      </c>
      <c r="D140" s="11">
        <v>2</v>
      </c>
      <c r="E140" s="11">
        <v>2023</v>
      </c>
      <c r="F140" s="11" t="s">
        <v>56</v>
      </c>
      <c r="G140" s="11" t="s">
        <v>98</v>
      </c>
      <c r="H140" s="11" t="s">
        <v>309</v>
      </c>
      <c r="I140" s="11" t="s">
        <v>100</v>
      </c>
      <c r="J140" s="11" t="s">
        <v>101</v>
      </c>
      <c r="K140" s="11">
        <v>503001</v>
      </c>
      <c r="L140" s="11" t="s">
        <v>102</v>
      </c>
      <c r="M140" s="11" t="s">
        <v>102</v>
      </c>
      <c r="N140" s="11" t="s">
        <v>103</v>
      </c>
      <c r="O140" s="11" t="s">
        <v>143</v>
      </c>
      <c r="P140" s="11" t="s">
        <v>105</v>
      </c>
      <c r="Q140" s="11" t="s">
        <v>106</v>
      </c>
      <c r="R140" s="11" t="s">
        <v>107</v>
      </c>
      <c r="S140" s="11" t="s">
        <v>108</v>
      </c>
      <c r="T140" s="11" t="s">
        <v>102</v>
      </c>
      <c r="U140" s="11" t="s">
        <v>116</v>
      </c>
      <c r="V140" s="11" t="s">
        <v>312</v>
      </c>
      <c r="W140" s="11">
        <v>11</v>
      </c>
      <c r="X140" s="11" t="s">
        <v>111</v>
      </c>
      <c r="Y140" s="11" t="s">
        <v>156</v>
      </c>
      <c r="Z140" s="11" t="s">
        <v>102</v>
      </c>
      <c r="AA140" s="11" t="s">
        <v>113</v>
      </c>
      <c r="AB140" s="11" t="s">
        <v>308</v>
      </c>
    </row>
    <row r="141" spans="1:28">
      <c r="A141" s="11" t="s">
        <v>40</v>
      </c>
      <c r="B141" s="48">
        <v>45016</v>
      </c>
      <c r="C141" s="11" t="s">
        <v>45</v>
      </c>
      <c r="D141" s="11">
        <v>3</v>
      </c>
      <c r="E141" s="11">
        <v>2023</v>
      </c>
      <c r="F141" s="11" t="s">
        <v>56</v>
      </c>
      <c r="G141" s="11" t="s">
        <v>98</v>
      </c>
      <c r="H141" s="11" t="s">
        <v>244</v>
      </c>
      <c r="I141" s="11" t="s">
        <v>100</v>
      </c>
      <c r="J141" s="11" t="s">
        <v>101</v>
      </c>
      <c r="K141" s="11">
        <v>804756</v>
      </c>
      <c r="L141" s="11" t="s">
        <v>102</v>
      </c>
      <c r="M141" s="11" t="s">
        <v>102</v>
      </c>
      <c r="N141" s="11" t="s">
        <v>103</v>
      </c>
      <c r="O141" s="11" t="s">
        <v>104</v>
      </c>
      <c r="P141" s="11" t="s">
        <v>105</v>
      </c>
      <c r="Q141" s="11" t="s">
        <v>106</v>
      </c>
      <c r="R141" s="11" t="s">
        <v>107</v>
      </c>
      <c r="S141" s="11" t="s">
        <v>108</v>
      </c>
      <c r="T141" s="11" t="s">
        <v>102</v>
      </c>
      <c r="U141" s="11" t="s">
        <v>116</v>
      </c>
      <c r="V141" s="11" t="s">
        <v>313</v>
      </c>
      <c r="W141" s="11">
        <v>3</v>
      </c>
      <c r="X141" s="11" t="s">
        <v>139</v>
      </c>
      <c r="Y141" s="11" t="s">
        <v>184</v>
      </c>
      <c r="Z141" s="11" t="s">
        <v>102</v>
      </c>
      <c r="AA141" s="11" t="s">
        <v>113</v>
      </c>
      <c r="AB141" s="11" t="s">
        <v>306</v>
      </c>
    </row>
    <row r="142" spans="1:28">
      <c r="A142" s="11" t="s">
        <v>41</v>
      </c>
      <c r="B142" s="48">
        <v>45016</v>
      </c>
      <c r="C142" s="11" t="s">
        <v>45</v>
      </c>
      <c r="D142" s="11">
        <v>3</v>
      </c>
      <c r="E142" s="11">
        <v>2023</v>
      </c>
      <c r="F142" s="11" t="s">
        <v>56</v>
      </c>
      <c r="G142" s="11" t="s">
        <v>98</v>
      </c>
      <c r="H142" s="11" t="s">
        <v>244</v>
      </c>
      <c r="I142" s="11" t="s">
        <v>100</v>
      </c>
      <c r="J142" s="11" t="s">
        <v>101</v>
      </c>
      <c r="K142" s="11">
        <v>161709</v>
      </c>
      <c r="L142" s="11" t="s">
        <v>102</v>
      </c>
      <c r="M142" s="11" t="s">
        <v>102</v>
      </c>
      <c r="N142" s="11" t="s">
        <v>103</v>
      </c>
      <c r="O142" s="11" t="s">
        <v>121</v>
      </c>
      <c r="P142" s="11" t="s">
        <v>105</v>
      </c>
      <c r="Q142" s="11" t="s">
        <v>106</v>
      </c>
      <c r="R142" s="11" t="s">
        <v>107</v>
      </c>
      <c r="S142" s="11" t="s">
        <v>108</v>
      </c>
      <c r="T142" s="11" t="s">
        <v>102</v>
      </c>
      <c r="U142" s="11" t="s">
        <v>116</v>
      </c>
      <c r="V142" s="11" t="s">
        <v>314</v>
      </c>
      <c r="W142" s="11">
        <v>7</v>
      </c>
      <c r="X142" s="11" t="s">
        <v>139</v>
      </c>
      <c r="Y142" s="11" t="s">
        <v>184</v>
      </c>
      <c r="Z142" s="11" t="s">
        <v>102</v>
      </c>
      <c r="AA142" s="11" t="s">
        <v>113</v>
      </c>
      <c r="AB142" s="11" t="s">
        <v>307</v>
      </c>
    </row>
    <row r="143" spans="1:28">
      <c r="A143" s="11" t="s">
        <v>42</v>
      </c>
      <c r="B143" s="48">
        <v>45016</v>
      </c>
      <c r="C143" s="11" t="s">
        <v>45</v>
      </c>
      <c r="D143" s="11">
        <v>3</v>
      </c>
      <c r="E143" s="11">
        <v>2023</v>
      </c>
      <c r="F143" s="11" t="s">
        <v>56</v>
      </c>
      <c r="G143" s="11" t="s">
        <v>98</v>
      </c>
      <c r="H143" s="11" t="s">
        <v>244</v>
      </c>
      <c r="I143" s="11" t="s">
        <v>100</v>
      </c>
      <c r="J143" s="11" t="s">
        <v>101</v>
      </c>
      <c r="K143" s="11">
        <v>503001</v>
      </c>
      <c r="L143" s="11" t="s">
        <v>102</v>
      </c>
      <c r="M143" s="11" t="s">
        <v>102</v>
      </c>
      <c r="N143" s="11" t="s">
        <v>103</v>
      </c>
      <c r="O143" s="11" t="s">
        <v>143</v>
      </c>
      <c r="P143" s="11" t="s">
        <v>105</v>
      </c>
      <c r="Q143" s="11" t="s">
        <v>106</v>
      </c>
      <c r="R143" s="11" t="s">
        <v>107</v>
      </c>
      <c r="S143" s="11" t="s">
        <v>108</v>
      </c>
      <c r="T143" s="11" t="s">
        <v>102</v>
      </c>
      <c r="U143" s="11" t="s">
        <v>116</v>
      </c>
      <c r="V143" s="11" t="s">
        <v>315</v>
      </c>
      <c r="W143" s="11">
        <v>11</v>
      </c>
      <c r="X143" s="11" t="s">
        <v>139</v>
      </c>
      <c r="Y143" s="11" t="s">
        <v>184</v>
      </c>
      <c r="Z143" s="11" t="s">
        <v>102</v>
      </c>
      <c r="AA143" s="11" t="s">
        <v>113</v>
      </c>
      <c r="AB143" s="11" t="s">
        <v>308</v>
      </c>
    </row>
    <row r="144" spans="1:28">
      <c r="A144" s="11" t="s">
        <v>40</v>
      </c>
      <c r="B144" s="48">
        <v>45046</v>
      </c>
      <c r="C144" s="11" t="s">
        <v>45</v>
      </c>
      <c r="D144" s="11">
        <v>4</v>
      </c>
      <c r="E144" s="11">
        <v>2023</v>
      </c>
      <c r="F144" s="11" t="s">
        <v>56</v>
      </c>
      <c r="G144" s="11" t="s">
        <v>98</v>
      </c>
      <c r="H144" s="11" t="s">
        <v>244</v>
      </c>
      <c r="I144" s="11" t="s">
        <v>100</v>
      </c>
      <c r="J144" s="11" t="s">
        <v>101</v>
      </c>
      <c r="K144" s="11">
        <v>804756</v>
      </c>
      <c r="L144" s="11" t="s">
        <v>102</v>
      </c>
      <c r="M144" s="11" t="s">
        <v>102</v>
      </c>
      <c r="N144" s="11" t="s">
        <v>103</v>
      </c>
      <c r="O144" s="11" t="s">
        <v>104</v>
      </c>
      <c r="P144" s="11" t="s">
        <v>105</v>
      </c>
      <c r="Q144" s="11" t="s">
        <v>106</v>
      </c>
      <c r="R144" s="11" t="s">
        <v>107</v>
      </c>
      <c r="S144" s="11" t="s">
        <v>108</v>
      </c>
      <c r="T144" s="11" t="s">
        <v>102</v>
      </c>
      <c r="U144" s="11" t="s">
        <v>116</v>
      </c>
      <c r="V144" s="11" t="s">
        <v>316</v>
      </c>
      <c r="W144" s="11">
        <v>3</v>
      </c>
      <c r="X144" s="11" t="s">
        <v>139</v>
      </c>
      <c r="Y144" s="11" t="s">
        <v>184</v>
      </c>
      <c r="Z144" s="11" t="s">
        <v>102</v>
      </c>
      <c r="AA144" s="11" t="s">
        <v>113</v>
      </c>
      <c r="AB144" s="11" t="s">
        <v>306</v>
      </c>
    </row>
    <row r="145" spans="1:28">
      <c r="A145" s="11" t="s">
        <v>41</v>
      </c>
      <c r="B145" s="48">
        <v>45046</v>
      </c>
      <c r="C145" s="11" t="s">
        <v>45</v>
      </c>
      <c r="D145" s="11">
        <v>4</v>
      </c>
      <c r="E145" s="11">
        <v>2023</v>
      </c>
      <c r="F145" s="11" t="s">
        <v>56</v>
      </c>
      <c r="G145" s="11" t="s">
        <v>98</v>
      </c>
      <c r="H145" s="11" t="s">
        <v>244</v>
      </c>
      <c r="I145" s="11" t="s">
        <v>100</v>
      </c>
      <c r="J145" s="11" t="s">
        <v>101</v>
      </c>
      <c r="K145" s="11">
        <v>161709</v>
      </c>
      <c r="L145" s="11" t="s">
        <v>102</v>
      </c>
      <c r="M145" s="11" t="s">
        <v>102</v>
      </c>
      <c r="N145" s="11" t="s">
        <v>103</v>
      </c>
      <c r="O145" s="11" t="s">
        <v>121</v>
      </c>
      <c r="P145" s="11" t="s">
        <v>105</v>
      </c>
      <c r="Q145" s="11" t="s">
        <v>106</v>
      </c>
      <c r="R145" s="11" t="s">
        <v>107</v>
      </c>
      <c r="S145" s="11" t="s">
        <v>108</v>
      </c>
      <c r="T145" s="11" t="s">
        <v>102</v>
      </c>
      <c r="U145" s="11" t="s">
        <v>116</v>
      </c>
      <c r="V145" s="11" t="s">
        <v>317</v>
      </c>
      <c r="W145" s="11">
        <v>7</v>
      </c>
      <c r="X145" s="11" t="s">
        <v>139</v>
      </c>
      <c r="Y145" s="11" t="s">
        <v>184</v>
      </c>
      <c r="Z145" s="11" t="s">
        <v>102</v>
      </c>
      <c r="AA145" s="11" t="s">
        <v>113</v>
      </c>
      <c r="AB145" s="11" t="s">
        <v>307</v>
      </c>
    </row>
    <row r="146" spans="1:28">
      <c r="A146" s="11" t="s">
        <v>42</v>
      </c>
      <c r="B146" s="48">
        <v>45046</v>
      </c>
      <c r="C146" s="11" t="s">
        <v>45</v>
      </c>
      <c r="D146" s="11">
        <v>4</v>
      </c>
      <c r="E146" s="11">
        <v>2023</v>
      </c>
      <c r="F146" s="11" t="s">
        <v>56</v>
      </c>
      <c r="G146" s="11" t="s">
        <v>98</v>
      </c>
      <c r="H146" s="11" t="s">
        <v>244</v>
      </c>
      <c r="I146" s="11" t="s">
        <v>100</v>
      </c>
      <c r="J146" s="11" t="s">
        <v>101</v>
      </c>
      <c r="K146" s="11">
        <v>503001</v>
      </c>
      <c r="L146" s="11" t="s">
        <v>102</v>
      </c>
      <c r="M146" s="11" t="s">
        <v>102</v>
      </c>
      <c r="N146" s="11" t="s">
        <v>103</v>
      </c>
      <c r="O146" s="11" t="s">
        <v>143</v>
      </c>
      <c r="P146" s="11" t="s">
        <v>105</v>
      </c>
      <c r="Q146" s="11" t="s">
        <v>106</v>
      </c>
      <c r="R146" s="11" t="s">
        <v>107</v>
      </c>
      <c r="S146" s="11" t="s">
        <v>108</v>
      </c>
      <c r="T146" s="11" t="s">
        <v>102</v>
      </c>
      <c r="U146" s="11" t="s">
        <v>116</v>
      </c>
      <c r="V146" s="11" t="s">
        <v>318</v>
      </c>
      <c r="W146" s="11">
        <v>11</v>
      </c>
      <c r="X146" s="11" t="s">
        <v>139</v>
      </c>
      <c r="Y146" s="11" t="s">
        <v>184</v>
      </c>
      <c r="Z146" s="11" t="s">
        <v>102</v>
      </c>
      <c r="AA146" s="11" t="s">
        <v>113</v>
      </c>
      <c r="AB146" s="11" t="s">
        <v>308</v>
      </c>
    </row>
    <row r="147" spans="1:28">
      <c r="A147" s="11" t="s">
        <v>40</v>
      </c>
      <c r="B147" s="48">
        <v>44589</v>
      </c>
      <c r="C147" s="11" t="s">
        <v>62</v>
      </c>
      <c r="D147" s="11">
        <v>1</v>
      </c>
      <c r="E147" s="11">
        <v>2022</v>
      </c>
      <c r="F147" s="11" t="s">
        <v>64</v>
      </c>
      <c r="G147" s="11" t="s">
        <v>300</v>
      </c>
      <c r="H147" s="11" t="s">
        <v>319</v>
      </c>
      <c r="I147" s="11" t="s">
        <v>100</v>
      </c>
      <c r="J147" s="11" t="s">
        <v>101</v>
      </c>
      <c r="K147" s="11">
        <v>1133</v>
      </c>
      <c r="L147" s="11" t="s">
        <v>102</v>
      </c>
      <c r="M147" s="11" t="s">
        <v>102</v>
      </c>
      <c r="N147" s="11" t="s">
        <v>103</v>
      </c>
      <c r="O147" s="11" t="s">
        <v>104</v>
      </c>
      <c r="P147" s="11" t="s">
        <v>302</v>
      </c>
      <c r="Q147" s="11" t="s">
        <v>106</v>
      </c>
      <c r="R147" s="11" t="s">
        <v>107</v>
      </c>
      <c r="S147" s="11" t="s">
        <v>108</v>
      </c>
      <c r="T147" s="11" t="s">
        <v>102</v>
      </c>
      <c r="U147" s="11" t="s">
        <v>116</v>
      </c>
      <c r="V147" s="11" t="s">
        <v>320</v>
      </c>
      <c r="W147" s="11">
        <v>1</v>
      </c>
      <c r="X147" s="11" t="s">
        <v>139</v>
      </c>
      <c r="Y147" s="11" t="s">
        <v>156</v>
      </c>
      <c r="Z147" s="11" t="s">
        <v>102</v>
      </c>
      <c r="AA147" s="11" t="s">
        <v>113</v>
      </c>
      <c r="AB147" s="11" t="s">
        <v>321</v>
      </c>
    </row>
    <row r="148" spans="1:28">
      <c r="A148" s="11" t="s">
        <v>40</v>
      </c>
      <c r="B148" s="48">
        <v>44973</v>
      </c>
      <c r="C148" s="11" t="s">
        <v>65</v>
      </c>
      <c r="D148" s="11">
        <v>2</v>
      </c>
      <c r="E148" s="11">
        <v>2023</v>
      </c>
      <c r="F148" s="11" t="s">
        <v>64</v>
      </c>
      <c r="G148" s="11" t="s">
        <v>300</v>
      </c>
      <c r="H148" s="11" t="s">
        <v>322</v>
      </c>
      <c r="I148" s="11" t="s">
        <v>100</v>
      </c>
      <c r="J148" s="11" t="s">
        <v>101</v>
      </c>
      <c r="K148" s="11">
        <v>9</v>
      </c>
      <c r="L148" s="11" t="s">
        <v>102</v>
      </c>
      <c r="M148" s="11" t="s">
        <v>102</v>
      </c>
      <c r="N148" s="11" t="s">
        <v>103</v>
      </c>
      <c r="O148" s="11" t="s">
        <v>104</v>
      </c>
      <c r="P148" s="11" t="s">
        <v>302</v>
      </c>
      <c r="Q148" s="11" t="s">
        <v>106</v>
      </c>
      <c r="R148" s="11" t="s">
        <v>107</v>
      </c>
      <c r="S148" s="11" t="s">
        <v>108</v>
      </c>
      <c r="T148" s="11" t="s">
        <v>102</v>
      </c>
      <c r="U148" s="11" t="s">
        <v>116</v>
      </c>
      <c r="V148" s="11" t="s">
        <v>323</v>
      </c>
      <c r="W148" s="11">
        <v>1</v>
      </c>
      <c r="X148" s="11" t="s">
        <v>139</v>
      </c>
      <c r="Y148" s="11" t="s">
        <v>184</v>
      </c>
      <c r="Z148" s="11" t="s">
        <v>102</v>
      </c>
      <c r="AA148" s="11" t="s">
        <v>216</v>
      </c>
      <c r="AB148" s="11" t="s">
        <v>321</v>
      </c>
    </row>
    <row r="149" spans="1:28">
      <c r="A149" s="11" t="s">
        <v>40</v>
      </c>
      <c r="B149" s="48">
        <v>44620</v>
      </c>
      <c r="C149" s="11" t="s">
        <v>62</v>
      </c>
      <c r="D149" s="11">
        <v>2</v>
      </c>
      <c r="E149" s="11">
        <v>2022</v>
      </c>
      <c r="F149" s="11" t="s">
        <v>64</v>
      </c>
      <c r="G149" s="11" t="s">
        <v>300</v>
      </c>
      <c r="H149" s="11" t="s">
        <v>319</v>
      </c>
      <c r="I149" s="11" t="s">
        <v>100</v>
      </c>
      <c r="J149" s="11" t="s">
        <v>101</v>
      </c>
      <c r="K149" s="11">
        <v>1133</v>
      </c>
      <c r="L149" s="11" t="s">
        <v>102</v>
      </c>
      <c r="M149" s="11" t="s">
        <v>102</v>
      </c>
      <c r="N149" s="11" t="s">
        <v>103</v>
      </c>
      <c r="O149" s="11" t="s">
        <v>104</v>
      </c>
      <c r="P149" s="11" t="s">
        <v>302</v>
      </c>
      <c r="Q149" s="11" t="s">
        <v>106</v>
      </c>
      <c r="R149" s="11" t="s">
        <v>107</v>
      </c>
      <c r="S149" s="11" t="s">
        <v>108</v>
      </c>
      <c r="T149" s="11" t="s">
        <v>102</v>
      </c>
      <c r="U149" s="11" t="s">
        <v>116</v>
      </c>
      <c r="V149" s="11" t="s">
        <v>324</v>
      </c>
      <c r="W149" s="11">
        <v>1</v>
      </c>
      <c r="X149" s="11" t="s">
        <v>139</v>
      </c>
      <c r="Y149" s="11" t="s">
        <v>156</v>
      </c>
      <c r="Z149" s="11" t="s">
        <v>102</v>
      </c>
      <c r="AA149" s="11" t="s">
        <v>113</v>
      </c>
      <c r="AB149" s="11" t="s">
        <v>321</v>
      </c>
    </row>
    <row r="150" spans="1:28">
      <c r="A150" s="11" t="s">
        <v>40</v>
      </c>
      <c r="B150" s="48">
        <v>44651</v>
      </c>
      <c r="C150" s="11" t="s">
        <v>62</v>
      </c>
      <c r="D150" s="11">
        <v>3</v>
      </c>
      <c r="E150" s="11">
        <v>2022</v>
      </c>
      <c r="F150" s="11" t="s">
        <v>64</v>
      </c>
      <c r="G150" s="11" t="s">
        <v>300</v>
      </c>
      <c r="H150" s="11" t="s">
        <v>319</v>
      </c>
      <c r="I150" s="11" t="s">
        <v>100</v>
      </c>
      <c r="J150" s="11" t="s">
        <v>101</v>
      </c>
      <c r="K150" s="11">
        <v>1133</v>
      </c>
      <c r="L150" s="11" t="s">
        <v>102</v>
      </c>
      <c r="M150" s="11" t="s">
        <v>102</v>
      </c>
      <c r="N150" s="11" t="s">
        <v>103</v>
      </c>
      <c r="O150" s="11" t="s">
        <v>104</v>
      </c>
      <c r="P150" s="11" t="s">
        <v>302</v>
      </c>
      <c r="Q150" s="11" t="s">
        <v>106</v>
      </c>
      <c r="R150" s="11" t="s">
        <v>107</v>
      </c>
      <c r="S150" s="11" t="s">
        <v>108</v>
      </c>
      <c r="T150" s="11" t="s">
        <v>102</v>
      </c>
      <c r="U150" s="11" t="s">
        <v>116</v>
      </c>
      <c r="V150" s="11" t="s">
        <v>325</v>
      </c>
      <c r="W150" s="11">
        <v>1</v>
      </c>
      <c r="X150" s="11" t="s">
        <v>139</v>
      </c>
      <c r="Y150" s="11" t="s">
        <v>156</v>
      </c>
      <c r="Z150" s="11" t="s">
        <v>102</v>
      </c>
      <c r="AA150" s="11" t="s">
        <v>113</v>
      </c>
      <c r="AB150" s="11" t="s">
        <v>321</v>
      </c>
    </row>
    <row r="151" spans="1:28">
      <c r="A151" s="11" t="s">
        <v>40</v>
      </c>
      <c r="B151" s="48">
        <v>44681</v>
      </c>
      <c r="C151" s="11" t="s">
        <v>62</v>
      </c>
      <c r="D151" s="11">
        <v>4</v>
      </c>
      <c r="E151" s="11">
        <v>2022</v>
      </c>
      <c r="F151" s="11" t="s">
        <v>64</v>
      </c>
      <c r="G151" s="11" t="s">
        <v>300</v>
      </c>
      <c r="H151" s="11" t="s">
        <v>319</v>
      </c>
      <c r="I151" s="11" t="s">
        <v>100</v>
      </c>
      <c r="J151" s="11" t="s">
        <v>101</v>
      </c>
      <c r="K151" s="11">
        <v>1133</v>
      </c>
      <c r="L151" s="11" t="s">
        <v>102</v>
      </c>
      <c r="M151" s="11" t="s">
        <v>102</v>
      </c>
      <c r="N151" s="11" t="s">
        <v>103</v>
      </c>
      <c r="O151" s="11" t="s">
        <v>104</v>
      </c>
      <c r="P151" s="11" t="s">
        <v>302</v>
      </c>
      <c r="Q151" s="11" t="s">
        <v>106</v>
      </c>
      <c r="R151" s="11" t="s">
        <v>107</v>
      </c>
      <c r="S151" s="11" t="s">
        <v>108</v>
      </c>
      <c r="T151" s="11" t="s">
        <v>102</v>
      </c>
      <c r="U151" s="11" t="s">
        <v>116</v>
      </c>
      <c r="V151" s="11" t="s">
        <v>326</v>
      </c>
      <c r="W151" s="11">
        <v>1</v>
      </c>
      <c r="X151" s="11" t="s">
        <v>139</v>
      </c>
      <c r="Y151" s="11" t="s">
        <v>156</v>
      </c>
      <c r="Z151" s="11" t="s">
        <v>102</v>
      </c>
      <c r="AA151" s="11" t="s">
        <v>113</v>
      </c>
      <c r="AB151" s="11" t="s">
        <v>321</v>
      </c>
    </row>
    <row r="152" spans="1:28">
      <c r="A152" s="11" t="s">
        <v>40</v>
      </c>
      <c r="B152" s="48">
        <v>44712</v>
      </c>
      <c r="C152" s="11" t="s">
        <v>62</v>
      </c>
      <c r="D152" s="11">
        <v>5</v>
      </c>
      <c r="E152" s="11">
        <v>2022</v>
      </c>
      <c r="F152" s="11" t="s">
        <v>64</v>
      </c>
      <c r="G152" s="11" t="s">
        <v>300</v>
      </c>
      <c r="H152" s="11" t="s">
        <v>319</v>
      </c>
      <c r="I152" s="11" t="s">
        <v>100</v>
      </c>
      <c r="J152" s="11" t="s">
        <v>101</v>
      </c>
      <c r="K152" s="11">
        <v>1133</v>
      </c>
      <c r="L152" s="11" t="s">
        <v>102</v>
      </c>
      <c r="M152" s="11" t="s">
        <v>102</v>
      </c>
      <c r="N152" s="11" t="s">
        <v>103</v>
      </c>
      <c r="O152" s="11" t="s">
        <v>104</v>
      </c>
      <c r="P152" s="11" t="s">
        <v>302</v>
      </c>
      <c r="Q152" s="11" t="s">
        <v>106</v>
      </c>
      <c r="R152" s="11" t="s">
        <v>107</v>
      </c>
      <c r="S152" s="11" t="s">
        <v>108</v>
      </c>
      <c r="T152" s="11" t="s">
        <v>102</v>
      </c>
      <c r="U152" s="11" t="s">
        <v>116</v>
      </c>
      <c r="V152" s="11" t="s">
        <v>327</v>
      </c>
      <c r="W152" s="11">
        <v>1</v>
      </c>
      <c r="X152" s="11" t="s">
        <v>139</v>
      </c>
      <c r="Y152" s="11" t="s">
        <v>184</v>
      </c>
      <c r="Z152" s="11" t="s">
        <v>102</v>
      </c>
      <c r="AA152" s="11" t="s">
        <v>113</v>
      </c>
      <c r="AB152" s="11" t="s">
        <v>321</v>
      </c>
    </row>
    <row r="153" spans="1:28">
      <c r="A153" s="11" t="s">
        <v>40</v>
      </c>
      <c r="B153" s="48">
        <v>44740</v>
      </c>
      <c r="C153" s="11" t="s">
        <v>62</v>
      </c>
      <c r="D153" s="11">
        <v>6</v>
      </c>
      <c r="E153" s="11">
        <v>2022</v>
      </c>
      <c r="F153" s="11" t="s">
        <v>64</v>
      </c>
      <c r="G153" s="11" t="s">
        <v>300</v>
      </c>
      <c r="H153" s="11" t="s">
        <v>319</v>
      </c>
      <c r="I153" s="11" t="s">
        <v>100</v>
      </c>
      <c r="J153" s="11" t="s">
        <v>101</v>
      </c>
      <c r="K153" s="11">
        <v>1133</v>
      </c>
      <c r="L153" s="11" t="s">
        <v>102</v>
      </c>
      <c r="M153" s="11" t="s">
        <v>102</v>
      </c>
      <c r="N153" s="11" t="s">
        <v>103</v>
      </c>
      <c r="O153" s="11" t="s">
        <v>104</v>
      </c>
      <c r="P153" s="11" t="s">
        <v>302</v>
      </c>
      <c r="Q153" s="11" t="s">
        <v>106</v>
      </c>
      <c r="R153" s="11" t="s">
        <v>107</v>
      </c>
      <c r="S153" s="11" t="s">
        <v>108</v>
      </c>
      <c r="T153" s="11" t="s">
        <v>102</v>
      </c>
      <c r="U153" s="11" t="s">
        <v>116</v>
      </c>
      <c r="V153" s="11" t="s">
        <v>328</v>
      </c>
      <c r="W153" s="11">
        <v>1</v>
      </c>
      <c r="X153" s="11" t="s">
        <v>111</v>
      </c>
      <c r="Y153" s="11" t="s">
        <v>112</v>
      </c>
      <c r="Z153" s="11" t="s">
        <v>102</v>
      </c>
      <c r="AA153" s="11" t="s">
        <v>113</v>
      </c>
      <c r="AB153" s="11" t="s">
        <v>321</v>
      </c>
    </row>
    <row r="154" spans="1:28">
      <c r="A154" s="11" t="s">
        <v>40</v>
      </c>
      <c r="B154" s="48">
        <v>44773</v>
      </c>
      <c r="C154" s="11" t="s">
        <v>62</v>
      </c>
      <c r="D154" s="11">
        <v>7</v>
      </c>
      <c r="E154" s="11">
        <v>2022</v>
      </c>
      <c r="F154" s="11" t="s">
        <v>64</v>
      </c>
      <c r="G154" s="11" t="s">
        <v>300</v>
      </c>
      <c r="H154" s="11" t="s">
        <v>329</v>
      </c>
      <c r="I154" s="11" t="s">
        <v>100</v>
      </c>
      <c r="J154" s="11" t="s">
        <v>101</v>
      </c>
      <c r="K154" s="11">
        <v>1133</v>
      </c>
      <c r="L154" s="11" t="s">
        <v>102</v>
      </c>
      <c r="M154" s="11" t="s">
        <v>102</v>
      </c>
      <c r="N154" s="11" t="s">
        <v>103</v>
      </c>
      <c r="O154" s="11" t="s">
        <v>104</v>
      </c>
      <c r="P154" s="11" t="s">
        <v>302</v>
      </c>
      <c r="Q154" s="11" t="s">
        <v>106</v>
      </c>
      <c r="R154" s="11" t="s">
        <v>107</v>
      </c>
      <c r="S154" s="11" t="s">
        <v>108</v>
      </c>
      <c r="T154" s="11" t="s">
        <v>102</v>
      </c>
      <c r="U154" s="11" t="s">
        <v>116</v>
      </c>
      <c r="V154" s="11" t="s">
        <v>330</v>
      </c>
      <c r="W154" s="11">
        <v>1</v>
      </c>
      <c r="X154" s="11" t="s">
        <v>139</v>
      </c>
      <c r="Y154" s="11" t="s">
        <v>184</v>
      </c>
      <c r="Z154" s="11" t="s">
        <v>102</v>
      </c>
      <c r="AA154" s="11" t="s">
        <v>113</v>
      </c>
      <c r="AB154" s="11" t="s">
        <v>321</v>
      </c>
    </row>
    <row r="155" spans="1:28">
      <c r="A155" s="11" t="s">
        <v>40</v>
      </c>
      <c r="B155" s="48">
        <v>44804</v>
      </c>
      <c r="C155" s="11" t="s">
        <v>62</v>
      </c>
      <c r="D155" s="11">
        <v>8</v>
      </c>
      <c r="E155" s="11">
        <v>2022</v>
      </c>
      <c r="F155" s="11" t="s">
        <v>64</v>
      </c>
      <c r="G155" s="11" t="s">
        <v>300</v>
      </c>
      <c r="H155" s="11" t="s">
        <v>331</v>
      </c>
      <c r="I155" s="11" t="s">
        <v>100</v>
      </c>
      <c r="J155" s="11" t="s">
        <v>101</v>
      </c>
      <c r="K155" s="11">
        <v>1133</v>
      </c>
      <c r="L155" s="11" t="s">
        <v>102</v>
      </c>
      <c r="M155" s="11" t="s">
        <v>102</v>
      </c>
      <c r="N155" s="11" t="s">
        <v>103</v>
      </c>
      <c r="O155" s="11" t="s">
        <v>104</v>
      </c>
      <c r="P155" s="11" t="s">
        <v>302</v>
      </c>
      <c r="Q155" s="11" t="s">
        <v>106</v>
      </c>
      <c r="R155" s="11" t="s">
        <v>107</v>
      </c>
      <c r="S155" s="11" t="s">
        <v>108</v>
      </c>
      <c r="T155" s="11" t="s">
        <v>102</v>
      </c>
      <c r="U155" s="11" t="s">
        <v>116</v>
      </c>
      <c r="V155" s="11" t="s">
        <v>332</v>
      </c>
      <c r="W155" s="11">
        <v>1</v>
      </c>
      <c r="X155" s="11" t="s">
        <v>139</v>
      </c>
      <c r="Y155" s="11" t="s">
        <v>184</v>
      </c>
      <c r="Z155" s="11" t="s">
        <v>102</v>
      </c>
      <c r="AA155" s="11" t="s">
        <v>113</v>
      </c>
      <c r="AB155" s="11" t="s">
        <v>321</v>
      </c>
    </row>
    <row r="156" spans="1:28">
      <c r="A156" s="11" t="s">
        <v>40</v>
      </c>
      <c r="B156" s="48">
        <v>44834</v>
      </c>
      <c r="C156" s="11" t="s">
        <v>62</v>
      </c>
      <c r="D156" s="11">
        <v>9</v>
      </c>
      <c r="E156" s="11">
        <v>2022</v>
      </c>
      <c r="F156" s="11" t="s">
        <v>64</v>
      </c>
      <c r="G156" s="11" t="s">
        <v>300</v>
      </c>
      <c r="H156" s="11" t="s">
        <v>329</v>
      </c>
      <c r="I156" s="11" t="s">
        <v>100</v>
      </c>
      <c r="J156" s="11" t="s">
        <v>101</v>
      </c>
      <c r="K156" s="11">
        <v>1133</v>
      </c>
      <c r="L156" s="11" t="s">
        <v>102</v>
      </c>
      <c r="M156" s="11" t="s">
        <v>102</v>
      </c>
      <c r="N156" s="11" t="s">
        <v>103</v>
      </c>
      <c r="O156" s="11" t="s">
        <v>104</v>
      </c>
      <c r="P156" s="11" t="s">
        <v>302</v>
      </c>
      <c r="Q156" s="11" t="s">
        <v>106</v>
      </c>
      <c r="R156" s="11" t="s">
        <v>107</v>
      </c>
      <c r="S156" s="11" t="s">
        <v>108</v>
      </c>
      <c r="T156" s="11" t="s">
        <v>102</v>
      </c>
      <c r="U156" s="11" t="s">
        <v>116</v>
      </c>
      <c r="V156" s="11" t="s">
        <v>333</v>
      </c>
      <c r="W156" s="11">
        <v>1</v>
      </c>
      <c r="X156" s="11" t="s">
        <v>139</v>
      </c>
      <c r="Y156" s="11" t="s">
        <v>184</v>
      </c>
      <c r="Z156" s="11" t="s">
        <v>102</v>
      </c>
      <c r="AA156" s="11" t="s">
        <v>113</v>
      </c>
      <c r="AB156" s="11" t="s">
        <v>321</v>
      </c>
    </row>
    <row r="157" spans="1:28">
      <c r="A157" s="11" t="s">
        <v>40</v>
      </c>
      <c r="B157" s="48">
        <v>44865</v>
      </c>
      <c r="C157" s="11" t="s">
        <v>62</v>
      </c>
      <c r="D157" s="11">
        <v>10</v>
      </c>
      <c r="E157" s="11">
        <v>2022</v>
      </c>
      <c r="F157" s="11" t="s">
        <v>64</v>
      </c>
      <c r="G157" s="11" t="s">
        <v>300</v>
      </c>
      <c r="H157" s="11" t="s">
        <v>329</v>
      </c>
      <c r="I157" s="11" t="s">
        <v>100</v>
      </c>
      <c r="J157" s="11" t="s">
        <v>101</v>
      </c>
      <c r="K157" s="11">
        <v>1133</v>
      </c>
      <c r="L157" s="11" t="s">
        <v>102</v>
      </c>
      <c r="M157" s="11" t="s">
        <v>102</v>
      </c>
      <c r="N157" s="11" t="s">
        <v>103</v>
      </c>
      <c r="O157" s="11" t="s">
        <v>104</v>
      </c>
      <c r="P157" s="11" t="s">
        <v>302</v>
      </c>
      <c r="Q157" s="11" t="s">
        <v>106</v>
      </c>
      <c r="R157" s="11" t="s">
        <v>107</v>
      </c>
      <c r="S157" s="11" t="s">
        <v>108</v>
      </c>
      <c r="T157" s="11" t="s">
        <v>102</v>
      </c>
      <c r="U157" s="11" t="s">
        <v>116</v>
      </c>
      <c r="V157" s="11" t="s">
        <v>334</v>
      </c>
      <c r="W157" s="11">
        <v>1</v>
      </c>
      <c r="X157" s="11" t="s">
        <v>139</v>
      </c>
      <c r="Y157" s="11" t="s">
        <v>184</v>
      </c>
      <c r="Z157" s="11" t="s">
        <v>102</v>
      </c>
      <c r="AA157" s="11" t="s">
        <v>113</v>
      </c>
      <c r="AB157" s="11" t="s">
        <v>321</v>
      </c>
    </row>
    <row r="158" spans="1:28">
      <c r="A158" s="11" t="s">
        <v>40</v>
      </c>
      <c r="B158" s="48">
        <v>44895</v>
      </c>
      <c r="C158" s="11" t="s">
        <v>62</v>
      </c>
      <c r="D158" s="11">
        <v>11</v>
      </c>
      <c r="E158" s="11">
        <v>2022</v>
      </c>
      <c r="F158" s="11" t="s">
        <v>64</v>
      </c>
      <c r="G158" s="11" t="s">
        <v>300</v>
      </c>
      <c r="H158" s="11" t="s">
        <v>329</v>
      </c>
      <c r="I158" s="11" t="s">
        <v>100</v>
      </c>
      <c r="J158" s="11" t="s">
        <v>101</v>
      </c>
      <c r="K158" s="11">
        <v>1133</v>
      </c>
      <c r="L158" s="11" t="s">
        <v>102</v>
      </c>
      <c r="M158" s="11" t="s">
        <v>102</v>
      </c>
      <c r="N158" s="11" t="s">
        <v>103</v>
      </c>
      <c r="O158" s="11" t="s">
        <v>104</v>
      </c>
      <c r="P158" s="11" t="s">
        <v>302</v>
      </c>
      <c r="Q158" s="11" t="s">
        <v>106</v>
      </c>
      <c r="R158" s="11" t="s">
        <v>107</v>
      </c>
      <c r="S158" s="11" t="s">
        <v>108</v>
      </c>
      <c r="T158" s="11" t="s">
        <v>102</v>
      </c>
      <c r="U158" s="11" t="s">
        <v>116</v>
      </c>
      <c r="V158" s="11" t="s">
        <v>335</v>
      </c>
      <c r="W158" s="11">
        <v>1</v>
      </c>
      <c r="X158" s="11" t="s">
        <v>139</v>
      </c>
      <c r="Y158" s="11" t="s">
        <v>184</v>
      </c>
      <c r="Z158" s="11" t="s">
        <v>102</v>
      </c>
      <c r="AA158" s="11" t="s">
        <v>113</v>
      </c>
      <c r="AB158" s="11" t="s">
        <v>321</v>
      </c>
    </row>
    <row r="159" spans="1:28">
      <c r="A159" s="11" t="s">
        <v>40</v>
      </c>
      <c r="B159" s="48">
        <v>44925</v>
      </c>
      <c r="C159" s="11" t="s">
        <v>62</v>
      </c>
      <c r="D159" s="11">
        <v>12</v>
      </c>
      <c r="E159" s="11">
        <v>2022</v>
      </c>
      <c r="F159" s="11" t="s">
        <v>64</v>
      </c>
      <c r="G159" s="11" t="s">
        <v>300</v>
      </c>
      <c r="H159" s="11" t="s">
        <v>329</v>
      </c>
      <c r="I159" s="11" t="s">
        <v>100</v>
      </c>
      <c r="J159" s="11" t="s">
        <v>101</v>
      </c>
      <c r="K159" s="11">
        <v>1137</v>
      </c>
      <c r="L159" s="11" t="s">
        <v>102</v>
      </c>
      <c r="M159" s="11" t="s">
        <v>102</v>
      </c>
      <c r="N159" s="11" t="s">
        <v>103</v>
      </c>
      <c r="O159" s="11" t="s">
        <v>104</v>
      </c>
      <c r="P159" s="11" t="s">
        <v>302</v>
      </c>
      <c r="Q159" s="11" t="s">
        <v>106</v>
      </c>
      <c r="R159" s="11" t="s">
        <v>107</v>
      </c>
      <c r="S159" s="11" t="s">
        <v>108</v>
      </c>
      <c r="T159" s="11" t="s">
        <v>102</v>
      </c>
      <c r="U159" s="11" t="s">
        <v>116</v>
      </c>
      <c r="V159" s="11" t="s">
        <v>336</v>
      </c>
      <c r="W159" s="11">
        <v>1</v>
      </c>
      <c r="X159" s="11" t="s">
        <v>139</v>
      </c>
      <c r="Y159" s="11" t="s">
        <v>184</v>
      </c>
      <c r="Z159" s="11" t="s">
        <v>102</v>
      </c>
      <c r="AA159" s="11" t="s">
        <v>113</v>
      </c>
      <c r="AB159" s="11" t="s">
        <v>321</v>
      </c>
    </row>
    <row r="160" spans="1:28">
      <c r="A160" s="11" t="s">
        <v>40</v>
      </c>
      <c r="B160" s="48">
        <v>44591</v>
      </c>
      <c r="C160" s="11" t="s">
        <v>45</v>
      </c>
      <c r="D160" s="11">
        <v>1</v>
      </c>
      <c r="E160" s="11">
        <v>2022</v>
      </c>
      <c r="F160" s="11" t="s">
        <v>44</v>
      </c>
      <c r="G160" s="11" t="s">
        <v>98</v>
      </c>
      <c r="H160" s="11" t="s">
        <v>99</v>
      </c>
      <c r="I160" s="11" t="s">
        <v>100</v>
      </c>
      <c r="J160" s="11" t="s">
        <v>101</v>
      </c>
      <c r="K160" s="11">
        <v>814529</v>
      </c>
      <c r="L160" s="11" t="s">
        <v>102</v>
      </c>
      <c r="M160" s="11" t="s">
        <v>102</v>
      </c>
      <c r="N160" s="11" t="s">
        <v>103</v>
      </c>
      <c r="O160" s="11" t="s">
        <v>104</v>
      </c>
      <c r="P160" s="11" t="s">
        <v>105</v>
      </c>
      <c r="Q160" s="11" t="s">
        <v>106</v>
      </c>
      <c r="R160" s="11" t="s">
        <v>107</v>
      </c>
      <c r="S160" s="11" t="s">
        <v>108</v>
      </c>
      <c r="T160" s="11" t="s">
        <v>102</v>
      </c>
      <c r="U160" s="11" t="s">
        <v>116</v>
      </c>
      <c r="V160" s="11" t="s">
        <v>242</v>
      </c>
      <c r="W160" s="11">
        <v>3</v>
      </c>
      <c r="X160" s="11" t="s">
        <v>139</v>
      </c>
      <c r="Y160" s="11" t="s">
        <v>156</v>
      </c>
      <c r="Z160" s="11" t="s">
        <v>102</v>
      </c>
      <c r="AA160" s="11" t="s">
        <v>113</v>
      </c>
      <c r="AB160" s="11" t="s">
        <v>337</v>
      </c>
    </row>
    <row r="161" spans="1:28">
      <c r="A161" s="11" t="s">
        <v>40</v>
      </c>
      <c r="B161" s="48">
        <v>44590</v>
      </c>
      <c r="C161" s="11" t="s">
        <v>45</v>
      </c>
      <c r="D161" s="11">
        <v>1</v>
      </c>
      <c r="E161" s="11">
        <v>2022</v>
      </c>
      <c r="F161" s="11" t="s">
        <v>44</v>
      </c>
      <c r="G161" s="11" t="s">
        <v>98</v>
      </c>
      <c r="H161" s="11" t="s">
        <v>115</v>
      </c>
      <c r="I161" s="11" t="s">
        <v>100</v>
      </c>
      <c r="J161" s="11" t="s">
        <v>101</v>
      </c>
      <c r="K161" s="11">
        <v>12607</v>
      </c>
      <c r="L161" s="11" t="s">
        <v>102</v>
      </c>
      <c r="M161" s="11" t="s">
        <v>102</v>
      </c>
      <c r="N161" s="11" t="s">
        <v>103</v>
      </c>
      <c r="O161" s="11" t="s">
        <v>104</v>
      </c>
      <c r="P161" s="11" t="s">
        <v>105</v>
      </c>
      <c r="Q161" s="11" t="s">
        <v>106</v>
      </c>
      <c r="R161" s="11" t="s">
        <v>107</v>
      </c>
      <c r="S161" s="11" t="s">
        <v>108</v>
      </c>
      <c r="T161" s="11" t="s">
        <v>102</v>
      </c>
      <c r="U161" s="11" t="s">
        <v>116</v>
      </c>
      <c r="V161" s="11" t="s">
        <v>338</v>
      </c>
      <c r="W161" s="11">
        <v>1</v>
      </c>
      <c r="X161" s="11" t="s">
        <v>111</v>
      </c>
      <c r="Y161" s="11" t="s">
        <v>269</v>
      </c>
      <c r="Z161" s="11" t="s">
        <v>102</v>
      </c>
      <c r="AA161" s="11" t="s">
        <v>113</v>
      </c>
      <c r="AB161" s="11" t="s">
        <v>337</v>
      </c>
    </row>
    <row r="162" spans="1:28">
      <c r="A162" s="11" t="s">
        <v>41</v>
      </c>
      <c r="B162" s="48">
        <v>44590</v>
      </c>
      <c r="C162" s="11" t="s">
        <v>45</v>
      </c>
      <c r="D162" s="11">
        <v>1</v>
      </c>
      <c r="E162" s="11">
        <v>2022</v>
      </c>
      <c r="F162" s="11" t="s">
        <v>44</v>
      </c>
      <c r="G162" s="11" t="s">
        <v>98</v>
      </c>
      <c r="H162" s="11" t="s">
        <v>115</v>
      </c>
      <c r="I162" s="11" t="s">
        <v>100</v>
      </c>
      <c r="J162" s="11" t="s">
        <v>101</v>
      </c>
      <c r="K162" s="11">
        <v>1886</v>
      </c>
      <c r="L162" s="11" t="s">
        <v>102</v>
      </c>
      <c r="M162" s="11" t="s">
        <v>102</v>
      </c>
      <c r="N162" s="11" t="s">
        <v>103</v>
      </c>
      <c r="O162" s="11" t="s">
        <v>121</v>
      </c>
      <c r="P162" s="11" t="s">
        <v>105</v>
      </c>
      <c r="Q162" s="11" t="s">
        <v>106</v>
      </c>
      <c r="R162" s="11" t="s">
        <v>107</v>
      </c>
      <c r="S162" s="11" t="s">
        <v>108</v>
      </c>
      <c r="T162" s="11" t="s">
        <v>102</v>
      </c>
      <c r="U162" s="11" t="s">
        <v>116</v>
      </c>
      <c r="V162" s="11" t="s">
        <v>339</v>
      </c>
      <c r="W162" s="11">
        <v>3</v>
      </c>
      <c r="X162" s="11" t="s">
        <v>111</v>
      </c>
      <c r="Y162" s="11" t="s">
        <v>269</v>
      </c>
      <c r="Z162" s="11" t="s">
        <v>102</v>
      </c>
      <c r="AA162" s="11" t="s">
        <v>113</v>
      </c>
      <c r="AB162" s="11" t="s">
        <v>340</v>
      </c>
    </row>
    <row r="163" spans="1:28">
      <c r="A163" s="11" t="s">
        <v>41</v>
      </c>
      <c r="B163" s="48">
        <v>44957</v>
      </c>
      <c r="C163" s="11" t="s">
        <v>137</v>
      </c>
      <c r="D163" s="11">
        <v>1</v>
      </c>
      <c r="E163" s="11">
        <v>2023</v>
      </c>
      <c r="F163" s="11" t="s">
        <v>44</v>
      </c>
      <c r="G163" s="11" t="s">
        <v>98</v>
      </c>
      <c r="H163" s="11" t="s">
        <v>99</v>
      </c>
      <c r="I163" s="11" t="s">
        <v>130</v>
      </c>
      <c r="J163" s="11" t="s">
        <v>101</v>
      </c>
      <c r="K163" s="11">
        <v>234862</v>
      </c>
      <c r="L163" s="11" t="s">
        <v>102</v>
      </c>
      <c r="M163" s="11" t="s">
        <v>102</v>
      </c>
      <c r="N163" s="11" t="s">
        <v>103</v>
      </c>
      <c r="O163" s="11" t="s">
        <v>132</v>
      </c>
      <c r="P163" s="11" t="s">
        <v>133</v>
      </c>
      <c r="Q163" s="11" t="s">
        <v>106</v>
      </c>
      <c r="R163" s="11" t="s">
        <v>107</v>
      </c>
      <c r="S163" s="11" t="s">
        <v>108</v>
      </c>
      <c r="T163" s="11" t="s">
        <v>102</v>
      </c>
      <c r="U163" s="11" t="s">
        <v>116</v>
      </c>
      <c r="V163" s="11" t="s">
        <v>341</v>
      </c>
      <c r="W163" s="11">
        <v>3</v>
      </c>
      <c r="X163" s="11" t="s">
        <v>111</v>
      </c>
      <c r="Y163" s="11" t="s">
        <v>342</v>
      </c>
      <c r="Z163" s="11" t="s">
        <v>102</v>
      </c>
      <c r="AA163" s="11" t="s">
        <v>113</v>
      </c>
      <c r="AB163" s="11" t="s">
        <v>343</v>
      </c>
    </row>
    <row r="164" spans="1:28">
      <c r="A164" s="11" t="s">
        <v>41</v>
      </c>
      <c r="B164" s="48">
        <v>44591</v>
      </c>
      <c r="C164" s="11" t="s">
        <v>45</v>
      </c>
      <c r="D164" s="11">
        <v>1</v>
      </c>
      <c r="E164" s="11">
        <v>2022</v>
      </c>
      <c r="F164" s="11" t="s">
        <v>44</v>
      </c>
      <c r="G164" s="11" t="s">
        <v>98</v>
      </c>
      <c r="H164" s="11" t="s">
        <v>99</v>
      </c>
      <c r="I164" s="11" t="s">
        <v>100</v>
      </c>
      <c r="J164" s="11" t="s">
        <v>101</v>
      </c>
      <c r="K164" s="11">
        <v>28742</v>
      </c>
      <c r="L164" s="11" t="s">
        <v>102</v>
      </c>
      <c r="M164" s="11" t="s">
        <v>102</v>
      </c>
      <c r="N164" s="11" t="s">
        <v>103</v>
      </c>
      <c r="O164" s="11" t="s">
        <v>121</v>
      </c>
      <c r="P164" s="11" t="s">
        <v>105</v>
      </c>
      <c r="Q164" s="11" t="s">
        <v>106</v>
      </c>
      <c r="R164" s="11" t="s">
        <v>107</v>
      </c>
      <c r="S164" s="11" t="s">
        <v>108</v>
      </c>
      <c r="T164" s="11" t="s">
        <v>102</v>
      </c>
      <c r="U164" s="11" t="s">
        <v>116</v>
      </c>
      <c r="V164" s="11" t="s">
        <v>247</v>
      </c>
      <c r="W164" s="11">
        <v>8</v>
      </c>
      <c r="X164" s="11" t="s">
        <v>139</v>
      </c>
      <c r="Y164" s="11" t="s">
        <v>156</v>
      </c>
      <c r="Z164" s="11" t="s">
        <v>102</v>
      </c>
      <c r="AA164" s="11" t="s">
        <v>113</v>
      </c>
      <c r="AB164" s="11" t="s">
        <v>340</v>
      </c>
    </row>
    <row r="165" spans="1:28">
      <c r="A165" s="11" t="s">
        <v>41</v>
      </c>
      <c r="B165" s="48">
        <v>44957</v>
      </c>
      <c r="C165" s="11" t="s">
        <v>344</v>
      </c>
      <c r="D165" s="11">
        <v>1</v>
      </c>
      <c r="E165" s="11">
        <v>2023</v>
      </c>
      <c r="F165" s="11" t="s">
        <v>44</v>
      </c>
      <c r="G165" s="11" t="s">
        <v>98</v>
      </c>
      <c r="H165" s="11" t="s">
        <v>129</v>
      </c>
      <c r="I165" s="11" t="s">
        <v>130</v>
      </c>
      <c r="J165" s="11" t="s">
        <v>131</v>
      </c>
      <c r="K165" s="11">
        <v>126113</v>
      </c>
      <c r="L165" s="11" t="s">
        <v>102</v>
      </c>
      <c r="M165" s="11" t="s">
        <v>102</v>
      </c>
      <c r="N165" s="11" t="s">
        <v>103</v>
      </c>
      <c r="O165" s="11" t="s">
        <v>132</v>
      </c>
      <c r="P165" s="11" t="s">
        <v>133</v>
      </c>
      <c r="Q165" s="11" t="s">
        <v>106</v>
      </c>
      <c r="R165" s="11" t="s">
        <v>107</v>
      </c>
      <c r="S165" s="11" t="s">
        <v>108</v>
      </c>
      <c r="T165" s="11" t="s">
        <v>102</v>
      </c>
      <c r="U165" s="11" t="s">
        <v>116</v>
      </c>
      <c r="V165" s="11" t="s">
        <v>345</v>
      </c>
      <c r="W165" s="11">
        <v>11</v>
      </c>
      <c r="X165" s="11" t="s">
        <v>135</v>
      </c>
      <c r="Y165" s="11" t="s">
        <v>136</v>
      </c>
      <c r="Z165" s="11" t="s">
        <v>102</v>
      </c>
      <c r="AA165" s="11" t="s">
        <v>102</v>
      </c>
      <c r="AB165" s="11" t="s">
        <v>129</v>
      </c>
    </row>
    <row r="166" spans="1:28">
      <c r="A166" s="11" t="s">
        <v>42</v>
      </c>
      <c r="B166" s="48">
        <v>44590</v>
      </c>
      <c r="C166" s="11" t="s">
        <v>45</v>
      </c>
      <c r="D166" s="11">
        <v>1</v>
      </c>
      <c r="E166" s="11">
        <v>2022</v>
      </c>
      <c r="F166" s="11" t="s">
        <v>44</v>
      </c>
      <c r="G166" s="11" t="s">
        <v>98</v>
      </c>
      <c r="H166" s="11" t="s">
        <v>115</v>
      </c>
      <c r="I166" s="11" t="s">
        <v>100</v>
      </c>
      <c r="J166" s="11" t="s">
        <v>101</v>
      </c>
      <c r="K166" s="11">
        <v>-24956</v>
      </c>
      <c r="L166" s="11" t="s">
        <v>102</v>
      </c>
      <c r="M166" s="11" t="s">
        <v>102</v>
      </c>
      <c r="N166" s="11" t="s">
        <v>103</v>
      </c>
      <c r="O166" s="11" t="s">
        <v>143</v>
      </c>
      <c r="P166" s="11" t="s">
        <v>105</v>
      </c>
      <c r="Q166" s="11" t="s">
        <v>106</v>
      </c>
      <c r="R166" s="11" t="s">
        <v>107</v>
      </c>
      <c r="S166" s="11" t="s">
        <v>108</v>
      </c>
      <c r="T166" s="11" t="s">
        <v>102</v>
      </c>
      <c r="U166" s="11" t="s">
        <v>116</v>
      </c>
      <c r="V166" s="11" t="s">
        <v>346</v>
      </c>
      <c r="W166" s="11">
        <v>11</v>
      </c>
      <c r="X166" s="11" t="s">
        <v>111</v>
      </c>
      <c r="Y166" s="11" t="s">
        <v>269</v>
      </c>
      <c r="Z166" s="11" t="s">
        <v>102</v>
      </c>
      <c r="AA166" s="11" t="s">
        <v>113</v>
      </c>
      <c r="AB166" s="11" t="s">
        <v>347</v>
      </c>
    </row>
    <row r="167" spans="1:28">
      <c r="A167" s="11" t="s">
        <v>42</v>
      </c>
      <c r="B167" s="48">
        <v>44591</v>
      </c>
      <c r="C167" s="11" t="s">
        <v>45</v>
      </c>
      <c r="D167" s="11">
        <v>1</v>
      </c>
      <c r="E167" s="11">
        <v>2022</v>
      </c>
      <c r="F167" s="11" t="s">
        <v>44</v>
      </c>
      <c r="G167" s="11" t="s">
        <v>98</v>
      </c>
      <c r="H167" s="11" t="s">
        <v>99</v>
      </c>
      <c r="I167" s="11" t="s">
        <v>100</v>
      </c>
      <c r="J167" s="11" t="s">
        <v>101</v>
      </c>
      <c r="K167" s="11">
        <v>443801</v>
      </c>
      <c r="L167" s="11" t="s">
        <v>102</v>
      </c>
      <c r="M167" s="11" t="s">
        <v>102</v>
      </c>
      <c r="N167" s="11" t="s">
        <v>103</v>
      </c>
      <c r="O167" s="11" t="s">
        <v>143</v>
      </c>
      <c r="P167" s="11" t="s">
        <v>105</v>
      </c>
      <c r="Q167" s="11" t="s">
        <v>106</v>
      </c>
      <c r="R167" s="11" t="s">
        <v>107</v>
      </c>
      <c r="S167" s="11" t="s">
        <v>108</v>
      </c>
      <c r="T167" s="11" t="s">
        <v>102</v>
      </c>
      <c r="U167" s="11" t="s">
        <v>116</v>
      </c>
      <c r="V167" s="11" t="s">
        <v>251</v>
      </c>
      <c r="W167" s="11">
        <v>45</v>
      </c>
      <c r="X167" s="11" t="s">
        <v>139</v>
      </c>
      <c r="Y167" s="11" t="s">
        <v>156</v>
      </c>
      <c r="Z167" s="11" t="s">
        <v>102</v>
      </c>
      <c r="AA167" s="11" t="s">
        <v>113</v>
      </c>
      <c r="AB167" s="11" t="s">
        <v>347</v>
      </c>
    </row>
    <row r="168" spans="1:28">
      <c r="A168" s="11" t="s">
        <v>40</v>
      </c>
      <c r="B168" s="48">
        <v>44620</v>
      </c>
      <c r="C168" s="11" t="s">
        <v>45</v>
      </c>
      <c r="D168" s="11">
        <v>2</v>
      </c>
      <c r="E168" s="11">
        <v>2022</v>
      </c>
      <c r="F168" s="11" t="s">
        <v>44</v>
      </c>
      <c r="G168" s="11" t="s">
        <v>98</v>
      </c>
      <c r="H168" s="11" t="s">
        <v>99</v>
      </c>
      <c r="I168" s="11" t="s">
        <v>100</v>
      </c>
      <c r="J168" s="11" t="s">
        <v>101</v>
      </c>
      <c r="K168" s="11">
        <v>827136</v>
      </c>
      <c r="L168" s="11" t="s">
        <v>102</v>
      </c>
      <c r="M168" s="11" t="s">
        <v>102</v>
      </c>
      <c r="N168" s="11" t="s">
        <v>103</v>
      </c>
      <c r="O168" s="11" t="s">
        <v>104</v>
      </c>
      <c r="P168" s="11" t="s">
        <v>105</v>
      </c>
      <c r="Q168" s="11" t="s">
        <v>106</v>
      </c>
      <c r="R168" s="11" t="s">
        <v>107</v>
      </c>
      <c r="S168" s="11" t="s">
        <v>108</v>
      </c>
      <c r="T168" s="11" t="s">
        <v>102</v>
      </c>
      <c r="U168" s="11" t="s">
        <v>116</v>
      </c>
      <c r="V168" s="11" t="s">
        <v>255</v>
      </c>
      <c r="W168" s="11">
        <v>3</v>
      </c>
      <c r="X168" s="11" t="s">
        <v>139</v>
      </c>
      <c r="Y168" s="11" t="s">
        <v>156</v>
      </c>
      <c r="Z168" s="11" t="s">
        <v>102</v>
      </c>
      <c r="AA168" s="11" t="s">
        <v>113</v>
      </c>
      <c r="AB168" s="11" t="s">
        <v>337</v>
      </c>
    </row>
    <row r="169" spans="1:28">
      <c r="A169" s="11" t="s">
        <v>40</v>
      </c>
      <c r="B169" s="48">
        <v>44982</v>
      </c>
      <c r="C169" s="11" t="s">
        <v>278</v>
      </c>
      <c r="D169" s="11">
        <v>2</v>
      </c>
      <c r="E169" s="11">
        <v>2023</v>
      </c>
      <c r="F169" s="11" t="s">
        <v>44</v>
      </c>
      <c r="G169" s="11" t="s">
        <v>98</v>
      </c>
      <c r="H169" s="11" t="s">
        <v>348</v>
      </c>
      <c r="I169" s="11" t="s">
        <v>130</v>
      </c>
      <c r="J169" s="11" t="s">
        <v>101</v>
      </c>
      <c r="K169" s="11">
        <v>0.01</v>
      </c>
      <c r="L169" s="11" t="s">
        <v>102</v>
      </c>
      <c r="M169" s="11" t="s">
        <v>102</v>
      </c>
      <c r="N169" s="11" t="s">
        <v>103</v>
      </c>
      <c r="O169" s="11" t="s">
        <v>104</v>
      </c>
      <c r="P169" s="11" t="s">
        <v>105</v>
      </c>
      <c r="Q169" s="11" t="s">
        <v>106</v>
      </c>
      <c r="R169" s="11" t="s">
        <v>107</v>
      </c>
      <c r="S169" s="11" t="s">
        <v>108</v>
      </c>
      <c r="T169" s="11" t="s">
        <v>102</v>
      </c>
      <c r="U169" s="11" t="s">
        <v>116</v>
      </c>
      <c r="V169" s="11" t="s">
        <v>349</v>
      </c>
      <c r="W169" s="11">
        <v>1</v>
      </c>
      <c r="X169" s="11" t="s">
        <v>111</v>
      </c>
      <c r="Y169" s="11" t="s">
        <v>350</v>
      </c>
      <c r="Z169" s="11" t="s">
        <v>102</v>
      </c>
      <c r="AA169" s="11" t="s">
        <v>216</v>
      </c>
      <c r="AB169" s="11" t="s">
        <v>351</v>
      </c>
    </row>
    <row r="170" spans="1:28">
      <c r="A170" s="11" t="s">
        <v>41</v>
      </c>
      <c r="B170" s="48">
        <v>44985</v>
      </c>
      <c r="C170" s="11" t="s">
        <v>137</v>
      </c>
      <c r="D170" s="11">
        <v>2</v>
      </c>
      <c r="E170" s="11">
        <v>2023</v>
      </c>
      <c r="F170" s="11" t="s">
        <v>44</v>
      </c>
      <c r="G170" s="11" t="s">
        <v>98</v>
      </c>
      <c r="H170" s="11" t="s">
        <v>99</v>
      </c>
      <c r="I170" s="11" t="s">
        <v>130</v>
      </c>
      <c r="J170" s="11" t="s">
        <v>101</v>
      </c>
      <c r="K170" s="11">
        <v>234862</v>
      </c>
      <c r="L170" s="11" t="s">
        <v>102</v>
      </c>
      <c r="M170" s="11" t="s">
        <v>102</v>
      </c>
      <c r="N170" s="11" t="s">
        <v>103</v>
      </c>
      <c r="O170" s="11" t="s">
        <v>132</v>
      </c>
      <c r="P170" s="11" t="s">
        <v>133</v>
      </c>
      <c r="Q170" s="11" t="s">
        <v>106</v>
      </c>
      <c r="R170" s="11" t="s">
        <v>107</v>
      </c>
      <c r="S170" s="11" t="s">
        <v>108</v>
      </c>
      <c r="T170" s="11" t="s">
        <v>102</v>
      </c>
      <c r="U170" s="11" t="s">
        <v>116</v>
      </c>
      <c r="V170" s="11" t="s">
        <v>352</v>
      </c>
      <c r="W170" s="11">
        <v>3</v>
      </c>
      <c r="X170" s="11" t="s">
        <v>139</v>
      </c>
      <c r="Y170" s="11" t="s">
        <v>184</v>
      </c>
      <c r="Z170" s="11" t="s">
        <v>102</v>
      </c>
      <c r="AA170" s="11" t="s">
        <v>113</v>
      </c>
      <c r="AB170" s="11" t="s">
        <v>353</v>
      </c>
    </row>
    <row r="171" spans="1:28">
      <c r="A171" s="11" t="s">
        <v>41</v>
      </c>
      <c r="B171" s="48">
        <v>44620</v>
      </c>
      <c r="C171" s="11" t="s">
        <v>45</v>
      </c>
      <c r="D171" s="11">
        <v>2</v>
      </c>
      <c r="E171" s="11">
        <v>2022</v>
      </c>
      <c r="F171" s="11" t="s">
        <v>44</v>
      </c>
      <c r="G171" s="11" t="s">
        <v>98</v>
      </c>
      <c r="H171" s="11" t="s">
        <v>99</v>
      </c>
      <c r="I171" s="11" t="s">
        <v>100</v>
      </c>
      <c r="J171" s="11" t="s">
        <v>101</v>
      </c>
      <c r="K171" s="11">
        <v>30628</v>
      </c>
      <c r="L171" s="11" t="s">
        <v>102</v>
      </c>
      <c r="M171" s="11" t="s">
        <v>102</v>
      </c>
      <c r="N171" s="11" t="s">
        <v>103</v>
      </c>
      <c r="O171" s="11" t="s">
        <v>121</v>
      </c>
      <c r="P171" s="11" t="s">
        <v>105</v>
      </c>
      <c r="Q171" s="11" t="s">
        <v>106</v>
      </c>
      <c r="R171" s="11" t="s">
        <v>107</v>
      </c>
      <c r="S171" s="11" t="s">
        <v>108</v>
      </c>
      <c r="T171" s="11" t="s">
        <v>102</v>
      </c>
      <c r="U171" s="11" t="s">
        <v>116</v>
      </c>
      <c r="V171" s="11" t="s">
        <v>256</v>
      </c>
      <c r="W171" s="11">
        <v>8</v>
      </c>
      <c r="X171" s="11" t="s">
        <v>139</v>
      </c>
      <c r="Y171" s="11" t="s">
        <v>156</v>
      </c>
      <c r="Z171" s="11" t="s">
        <v>102</v>
      </c>
      <c r="AA171" s="11" t="s">
        <v>113</v>
      </c>
      <c r="AB171" s="11" t="s">
        <v>340</v>
      </c>
    </row>
    <row r="172" spans="1:28">
      <c r="A172" s="11" t="s">
        <v>41</v>
      </c>
      <c r="B172" s="48">
        <v>44982</v>
      </c>
      <c r="C172" s="11" t="s">
        <v>278</v>
      </c>
      <c r="D172" s="11">
        <v>2</v>
      </c>
      <c r="E172" s="11">
        <v>2023</v>
      </c>
      <c r="F172" s="11" t="s">
        <v>44</v>
      </c>
      <c r="G172" s="11" t="s">
        <v>98</v>
      </c>
      <c r="H172" s="11" t="s">
        <v>348</v>
      </c>
      <c r="I172" s="11" t="s">
        <v>130</v>
      </c>
      <c r="J172" s="11" t="s">
        <v>101</v>
      </c>
      <c r="K172" s="11">
        <v>-0.02</v>
      </c>
      <c r="L172" s="11" t="s">
        <v>102</v>
      </c>
      <c r="M172" s="11" t="s">
        <v>102</v>
      </c>
      <c r="N172" s="11" t="s">
        <v>103</v>
      </c>
      <c r="O172" s="11" t="s">
        <v>214</v>
      </c>
      <c r="P172" s="11" t="s">
        <v>105</v>
      </c>
      <c r="Q172" s="11" t="s">
        <v>106</v>
      </c>
      <c r="R172" s="11" t="s">
        <v>107</v>
      </c>
      <c r="S172" s="11" t="s">
        <v>108</v>
      </c>
      <c r="T172" s="11" t="s">
        <v>102</v>
      </c>
      <c r="U172" s="11" t="s">
        <v>116</v>
      </c>
      <c r="V172" s="11" t="s">
        <v>354</v>
      </c>
      <c r="W172" s="11">
        <v>3</v>
      </c>
      <c r="X172" s="11" t="s">
        <v>111</v>
      </c>
      <c r="Y172" s="11" t="s">
        <v>350</v>
      </c>
      <c r="Z172" s="11" t="s">
        <v>102</v>
      </c>
      <c r="AA172" s="11" t="s">
        <v>216</v>
      </c>
      <c r="AB172" s="11" t="s">
        <v>351</v>
      </c>
    </row>
    <row r="173" spans="1:28">
      <c r="A173" s="11" t="s">
        <v>41</v>
      </c>
      <c r="B173" s="48">
        <v>44985</v>
      </c>
      <c r="C173" s="11" t="s">
        <v>355</v>
      </c>
      <c r="D173" s="11">
        <v>2</v>
      </c>
      <c r="E173" s="11">
        <v>2023</v>
      </c>
      <c r="F173" s="11" t="s">
        <v>44</v>
      </c>
      <c r="G173" s="11" t="s">
        <v>98</v>
      </c>
      <c r="H173" s="11" t="s">
        <v>129</v>
      </c>
      <c r="I173" s="11" t="s">
        <v>130</v>
      </c>
      <c r="J173" s="11" t="s">
        <v>131</v>
      </c>
      <c r="K173" s="11">
        <v>243544</v>
      </c>
      <c r="L173" s="11" t="s">
        <v>102</v>
      </c>
      <c r="M173" s="11" t="s">
        <v>102</v>
      </c>
      <c r="N173" s="11" t="s">
        <v>103</v>
      </c>
      <c r="O173" s="11" t="s">
        <v>132</v>
      </c>
      <c r="P173" s="11" t="s">
        <v>133</v>
      </c>
      <c r="Q173" s="11" t="s">
        <v>106</v>
      </c>
      <c r="R173" s="11" t="s">
        <v>107</v>
      </c>
      <c r="S173" s="11" t="s">
        <v>108</v>
      </c>
      <c r="T173" s="11" t="s">
        <v>102</v>
      </c>
      <c r="U173" s="11" t="s">
        <v>116</v>
      </c>
      <c r="V173" s="11" t="s">
        <v>356</v>
      </c>
      <c r="W173" s="11">
        <v>16</v>
      </c>
      <c r="X173" s="11" t="s">
        <v>135</v>
      </c>
      <c r="Y173" s="11" t="s">
        <v>136</v>
      </c>
      <c r="Z173" s="11" t="s">
        <v>102</v>
      </c>
      <c r="AA173" s="11" t="s">
        <v>102</v>
      </c>
      <c r="AB173" s="11" t="s">
        <v>129</v>
      </c>
    </row>
    <row r="174" spans="1:28">
      <c r="A174" s="11" t="s">
        <v>41</v>
      </c>
      <c r="B174" s="48">
        <v>44985</v>
      </c>
      <c r="C174" s="11" t="s">
        <v>357</v>
      </c>
      <c r="D174" s="11">
        <v>2</v>
      </c>
      <c r="E174" s="11">
        <v>2023</v>
      </c>
      <c r="F174" s="11" t="s">
        <v>44</v>
      </c>
      <c r="G174" s="11" t="s">
        <v>98</v>
      </c>
      <c r="H174" s="11" t="s">
        <v>192</v>
      </c>
      <c r="I174" s="11" t="s">
        <v>130</v>
      </c>
      <c r="J174" s="11" t="s">
        <v>358</v>
      </c>
      <c r="K174" s="11">
        <v>-234862</v>
      </c>
      <c r="L174" s="11" t="s">
        <v>102</v>
      </c>
      <c r="M174" s="11" t="s">
        <v>102</v>
      </c>
      <c r="N174" s="11" t="s">
        <v>103</v>
      </c>
      <c r="O174" s="11" t="s">
        <v>132</v>
      </c>
      <c r="P174" s="11" t="s">
        <v>133</v>
      </c>
      <c r="Q174" s="11" t="s">
        <v>106</v>
      </c>
      <c r="R174" s="11" t="s">
        <v>107</v>
      </c>
      <c r="S174" s="11" t="s">
        <v>108</v>
      </c>
      <c r="T174" s="11" t="s">
        <v>102</v>
      </c>
      <c r="U174" s="11" t="s">
        <v>116</v>
      </c>
      <c r="V174" s="11" t="s">
        <v>359</v>
      </c>
      <c r="W174" s="11">
        <v>104</v>
      </c>
      <c r="X174" s="11" t="s">
        <v>195</v>
      </c>
      <c r="Y174" s="11" t="s">
        <v>136</v>
      </c>
      <c r="Z174" s="11" t="s">
        <v>102</v>
      </c>
      <c r="AA174" s="11" t="s">
        <v>102</v>
      </c>
      <c r="AB174" s="11" t="s">
        <v>192</v>
      </c>
    </row>
    <row r="175" spans="1:28">
      <c r="A175" s="11" t="s">
        <v>42</v>
      </c>
      <c r="B175" s="48">
        <v>44620</v>
      </c>
      <c r="C175" s="11" t="s">
        <v>45</v>
      </c>
      <c r="D175" s="11">
        <v>2</v>
      </c>
      <c r="E175" s="11">
        <v>2022</v>
      </c>
      <c r="F175" s="11" t="s">
        <v>44</v>
      </c>
      <c r="G175" s="11" t="s">
        <v>98</v>
      </c>
      <c r="H175" s="11" t="s">
        <v>99</v>
      </c>
      <c r="I175" s="11" t="s">
        <v>100</v>
      </c>
      <c r="J175" s="11" t="s">
        <v>101</v>
      </c>
      <c r="K175" s="11">
        <v>418845</v>
      </c>
      <c r="L175" s="11" t="s">
        <v>102</v>
      </c>
      <c r="M175" s="11" t="s">
        <v>102</v>
      </c>
      <c r="N175" s="11" t="s">
        <v>103</v>
      </c>
      <c r="O175" s="11" t="s">
        <v>143</v>
      </c>
      <c r="P175" s="11" t="s">
        <v>105</v>
      </c>
      <c r="Q175" s="11" t="s">
        <v>106</v>
      </c>
      <c r="R175" s="11" t="s">
        <v>107</v>
      </c>
      <c r="S175" s="11" t="s">
        <v>108</v>
      </c>
      <c r="T175" s="11" t="s">
        <v>102</v>
      </c>
      <c r="U175" s="11" t="s">
        <v>116</v>
      </c>
      <c r="V175" s="11" t="s">
        <v>257</v>
      </c>
      <c r="W175" s="11">
        <v>45</v>
      </c>
      <c r="X175" s="11" t="s">
        <v>139</v>
      </c>
      <c r="Y175" s="11" t="s">
        <v>156</v>
      </c>
      <c r="Z175" s="11" t="s">
        <v>102</v>
      </c>
      <c r="AA175" s="11" t="s">
        <v>113</v>
      </c>
      <c r="AB175" s="11" t="s">
        <v>347</v>
      </c>
    </row>
    <row r="176" spans="1:28">
      <c r="A176" s="11" t="s">
        <v>40</v>
      </c>
      <c r="B176" s="48">
        <v>44651</v>
      </c>
      <c r="C176" s="11" t="s">
        <v>45</v>
      </c>
      <c r="D176" s="11">
        <v>3</v>
      </c>
      <c r="E176" s="11">
        <v>2022</v>
      </c>
      <c r="F176" s="11" t="s">
        <v>44</v>
      </c>
      <c r="G176" s="11" t="s">
        <v>98</v>
      </c>
      <c r="H176" s="11" t="s">
        <v>99</v>
      </c>
      <c r="I176" s="11" t="s">
        <v>100</v>
      </c>
      <c r="J176" s="11" t="s">
        <v>101</v>
      </c>
      <c r="K176" s="11">
        <v>827136</v>
      </c>
      <c r="L176" s="11" t="s">
        <v>102</v>
      </c>
      <c r="M176" s="11" t="s">
        <v>102</v>
      </c>
      <c r="N176" s="11" t="s">
        <v>103</v>
      </c>
      <c r="O176" s="11" t="s">
        <v>104</v>
      </c>
      <c r="P176" s="11" t="s">
        <v>105</v>
      </c>
      <c r="Q176" s="11" t="s">
        <v>106</v>
      </c>
      <c r="R176" s="11" t="s">
        <v>107</v>
      </c>
      <c r="S176" s="11" t="s">
        <v>108</v>
      </c>
      <c r="T176" s="11" t="s">
        <v>102</v>
      </c>
      <c r="U176" s="11" t="s">
        <v>116</v>
      </c>
      <c r="V176" s="11" t="s">
        <v>258</v>
      </c>
      <c r="W176" s="11">
        <v>3</v>
      </c>
      <c r="X176" s="11" t="s">
        <v>139</v>
      </c>
      <c r="Y176" s="11" t="s">
        <v>156</v>
      </c>
      <c r="Z176" s="11" t="s">
        <v>102</v>
      </c>
      <c r="AA176" s="11" t="s">
        <v>113</v>
      </c>
      <c r="AB176" s="11" t="s">
        <v>337</v>
      </c>
    </row>
    <row r="177" spans="1:28">
      <c r="A177" s="11" t="s">
        <v>41</v>
      </c>
      <c r="B177" s="48">
        <v>45015</v>
      </c>
      <c r="C177" s="11" t="s">
        <v>137</v>
      </c>
      <c r="D177" s="11">
        <v>3</v>
      </c>
      <c r="E177" s="11">
        <v>2023</v>
      </c>
      <c r="F177" s="11" t="s">
        <v>44</v>
      </c>
      <c r="G177" s="11" t="s">
        <v>98</v>
      </c>
      <c r="H177" s="11" t="s">
        <v>360</v>
      </c>
      <c r="I177" s="11" t="s">
        <v>130</v>
      </c>
      <c r="J177" s="11" t="s">
        <v>101</v>
      </c>
      <c r="K177" s="11">
        <v>-117431.02</v>
      </c>
      <c r="L177" s="11" t="s">
        <v>102</v>
      </c>
      <c r="M177" s="11" t="s">
        <v>102</v>
      </c>
      <c r="N177" s="11" t="s">
        <v>103</v>
      </c>
      <c r="O177" s="11" t="s">
        <v>132</v>
      </c>
      <c r="P177" s="11" t="s">
        <v>133</v>
      </c>
      <c r="Q177" s="11" t="s">
        <v>106</v>
      </c>
      <c r="R177" s="11" t="s">
        <v>107</v>
      </c>
      <c r="S177" s="11" t="s">
        <v>108</v>
      </c>
      <c r="T177" s="11" t="s">
        <v>102</v>
      </c>
      <c r="U177" s="11" t="s">
        <v>116</v>
      </c>
      <c r="V177" s="11" t="s">
        <v>361</v>
      </c>
      <c r="W177" s="11">
        <v>1</v>
      </c>
      <c r="X177" s="11" t="s">
        <v>139</v>
      </c>
      <c r="Y177" s="11" t="s">
        <v>184</v>
      </c>
      <c r="Z177" s="11" t="s">
        <v>102</v>
      </c>
      <c r="AA177" s="11" t="s">
        <v>216</v>
      </c>
      <c r="AB177" s="11" t="s">
        <v>362</v>
      </c>
    </row>
    <row r="178" spans="1:28">
      <c r="A178" s="11" t="s">
        <v>41</v>
      </c>
      <c r="B178" s="48">
        <v>44651</v>
      </c>
      <c r="C178" s="11" t="s">
        <v>45</v>
      </c>
      <c r="D178" s="11">
        <v>3</v>
      </c>
      <c r="E178" s="11">
        <v>2022</v>
      </c>
      <c r="F178" s="11" t="s">
        <v>44</v>
      </c>
      <c r="G178" s="11" t="s">
        <v>98</v>
      </c>
      <c r="H178" s="11" t="s">
        <v>99</v>
      </c>
      <c r="I178" s="11" t="s">
        <v>100</v>
      </c>
      <c r="J178" s="11" t="s">
        <v>101</v>
      </c>
      <c r="K178" s="11">
        <v>30628</v>
      </c>
      <c r="L178" s="11" t="s">
        <v>102</v>
      </c>
      <c r="M178" s="11" t="s">
        <v>102</v>
      </c>
      <c r="N178" s="11" t="s">
        <v>103</v>
      </c>
      <c r="O178" s="11" t="s">
        <v>121</v>
      </c>
      <c r="P178" s="11" t="s">
        <v>105</v>
      </c>
      <c r="Q178" s="11" t="s">
        <v>106</v>
      </c>
      <c r="R178" s="11" t="s">
        <v>107</v>
      </c>
      <c r="S178" s="11" t="s">
        <v>108</v>
      </c>
      <c r="T178" s="11" t="s">
        <v>102</v>
      </c>
      <c r="U178" s="11" t="s">
        <v>116</v>
      </c>
      <c r="V178" s="11" t="s">
        <v>259</v>
      </c>
      <c r="W178" s="11">
        <v>8</v>
      </c>
      <c r="X178" s="11" t="s">
        <v>139</v>
      </c>
      <c r="Y178" s="11" t="s">
        <v>156</v>
      </c>
      <c r="Z178" s="11" t="s">
        <v>102</v>
      </c>
      <c r="AA178" s="11" t="s">
        <v>113</v>
      </c>
      <c r="AB178" s="11" t="s">
        <v>340</v>
      </c>
    </row>
    <row r="179" spans="1:28">
      <c r="A179" s="11" t="s">
        <v>41</v>
      </c>
      <c r="B179" s="48">
        <v>45016</v>
      </c>
      <c r="C179" s="11" t="s">
        <v>363</v>
      </c>
      <c r="D179" s="11">
        <v>3</v>
      </c>
      <c r="E179" s="11">
        <v>2023</v>
      </c>
      <c r="F179" s="11" t="s">
        <v>44</v>
      </c>
      <c r="G179" s="11" t="s">
        <v>98</v>
      </c>
      <c r="H179" s="11" t="s">
        <v>192</v>
      </c>
      <c r="I179" s="11" t="s">
        <v>130</v>
      </c>
      <c r="J179" s="11" t="s">
        <v>358</v>
      </c>
      <c r="K179" s="11">
        <v>-234862</v>
      </c>
      <c r="L179" s="11" t="s">
        <v>102</v>
      </c>
      <c r="M179" s="11" t="s">
        <v>102</v>
      </c>
      <c r="N179" s="11" t="s">
        <v>103</v>
      </c>
      <c r="O179" s="11" t="s">
        <v>132</v>
      </c>
      <c r="P179" s="11" t="s">
        <v>133</v>
      </c>
      <c r="Q179" s="11" t="s">
        <v>106</v>
      </c>
      <c r="R179" s="11" t="s">
        <v>107</v>
      </c>
      <c r="S179" s="11" t="s">
        <v>108</v>
      </c>
      <c r="T179" s="11" t="s">
        <v>102</v>
      </c>
      <c r="U179" s="11" t="s">
        <v>116</v>
      </c>
      <c r="V179" s="11" t="s">
        <v>364</v>
      </c>
      <c r="W179" s="11">
        <v>107</v>
      </c>
      <c r="X179" s="11" t="s">
        <v>195</v>
      </c>
      <c r="Y179" s="11" t="s">
        <v>136</v>
      </c>
      <c r="Z179" s="11" t="s">
        <v>102</v>
      </c>
      <c r="AA179" s="11" t="s">
        <v>102</v>
      </c>
      <c r="AB179" s="11" t="s">
        <v>192</v>
      </c>
    </row>
    <row r="180" spans="1:28">
      <c r="A180" s="11" t="s">
        <v>41</v>
      </c>
      <c r="B180" s="48">
        <v>45016</v>
      </c>
      <c r="C180" s="11" t="s">
        <v>137</v>
      </c>
      <c r="D180" s="11">
        <v>3</v>
      </c>
      <c r="E180" s="11">
        <v>2023</v>
      </c>
      <c r="F180" s="11" t="s">
        <v>44</v>
      </c>
      <c r="G180" s="11" t="s">
        <v>98</v>
      </c>
      <c r="H180" s="11" t="s">
        <v>99</v>
      </c>
      <c r="I180" s="11" t="s">
        <v>130</v>
      </c>
      <c r="J180" s="11" t="s">
        <v>101</v>
      </c>
      <c r="K180" s="11">
        <v>234862</v>
      </c>
      <c r="L180" s="11" t="s">
        <v>102</v>
      </c>
      <c r="M180" s="11" t="s">
        <v>102</v>
      </c>
      <c r="N180" s="11" t="s">
        <v>103</v>
      </c>
      <c r="O180" s="11" t="s">
        <v>132</v>
      </c>
      <c r="P180" s="11" t="s">
        <v>133</v>
      </c>
      <c r="Q180" s="11" t="s">
        <v>106</v>
      </c>
      <c r="R180" s="11" t="s">
        <v>107</v>
      </c>
      <c r="S180" s="11" t="s">
        <v>108</v>
      </c>
      <c r="T180" s="11" t="s">
        <v>102</v>
      </c>
      <c r="U180" s="11" t="s">
        <v>116</v>
      </c>
      <c r="V180" s="11" t="s">
        <v>365</v>
      </c>
      <c r="W180" s="11">
        <v>3</v>
      </c>
      <c r="X180" s="11" t="s">
        <v>139</v>
      </c>
      <c r="Y180" s="11" t="s">
        <v>184</v>
      </c>
      <c r="Z180" s="11" t="s">
        <v>102</v>
      </c>
      <c r="AA180" s="11" t="s">
        <v>113</v>
      </c>
      <c r="AB180" s="11" t="s">
        <v>353</v>
      </c>
    </row>
    <row r="181" spans="1:28">
      <c r="A181" s="11" t="s">
        <v>41</v>
      </c>
      <c r="B181" s="48">
        <v>45016</v>
      </c>
      <c r="C181" s="11" t="s">
        <v>366</v>
      </c>
      <c r="D181" s="11">
        <v>3</v>
      </c>
      <c r="E181" s="11">
        <v>2023</v>
      </c>
      <c r="F181" s="11" t="s">
        <v>44</v>
      </c>
      <c r="G181" s="11" t="s">
        <v>98</v>
      </c>
      <c r="H181" s="11" t="s">
        <v>129</v>
      </c>
      <c r="I181" s="11" t="s">
        <v>130</v>
      </c>
      <c r="J181" s="11" t="s">
        <v>131</v>
      </c>
      <c r="K181" s="11">
        <v>302259.51</v>
      </c>
      <c r="L181" s="11" t="s">
        <v>102</v>
      </c>
      <c r="M181" s="11" t="s">
        <v>102</v>
      </c>
      <c r="N181" s="11" t="s">
        <v>103</v>
      </c>
      <c r="O181" s="11" t="s">
        <v>132</v>
      </c>
      <c r="P181" s="11" t="s">
        <v>133</v>
      </c>
      <c r="Q181" s="11" t="s">
        <v>106</v>
      </c>
      <c r="R181" s="11" t="s">
        <v>107</v>
      </c>
      <c r="S181" s="11" t="s">
        <v>108</v>
      </c>
      <c r="T181" s="11" t="s">
        <v>102</v>
      </c>
      <c r="U181" s="11" t="s">
        <v>116</v>
      </c>
      <c r="V181" s="11" t="s">
        <v>367</v>
      </c>
      <c r="W181" s="11">
        <v>16</v>
      </c>
      <c r="X181" s="11" t="s">
        <v>135</v>
      </c>
      <c r="Y181" s="11" t="s">
        <v>136</v>
      </c>
      <c r="Z181" s="11" t="s">
        <v>102</v>
      </c>
      <c r="AA181" s="11" t="s">
        <v>102</v>
      </c>
      <c r="AB181" s="11" t="s">
        <v>129</v>
      </c>
    </row>
    <row r="182" spans="1:28">
      <c r="A182" s="11" t="s">
        <v>42</v>
      </c>
      <c r="B182" s="48">
        <v>44651</v>
      </c>
      <c r="C182" s="11" t="s">
        <v>45</v>
      </c>
      <c r="D182" s="11">
        <v>3</v>
      </c>
      <c r="E182" s="11">
        <v>2022</v>
      </c>
      <c r="F182" s="11" t="s">
        <v>44</v>
      </c>
      <c r="G182" s="11" t="s">
        <v>98</v>
      </c>
      <c r="H182" s="11" t="s">
        <v>99</v>
      </c>
      <c r="I182" s="11" t="s">
        <v>100</v>
      </c>
      <c r="J182" s="11" t="s">
        <v>101</v>
      </c>
      <c r="K182" s="11">
        <v>418845</v>
      </c>
      <c r="L182" s="11" t="s">
        <v>102</v>
      </c>
      <c r="M182" s="11" t="s">
        <v>102</v>
      </c>
      <c r="N182" s="11" t="s">
        <v>103</v>
      </c>
      <c r="O182" s="11" t="s">
        <v>143</v>
      </c>
      <c r="P182" s="11" t="s">
        <v>105</v>
      </c>
      <c r="Q182" s="11" t="s">
        <v>106</v>
      </c>
      <c r="R182" s="11" t="s">
        <v>107</v>
      </c>
      <c r="S182" s="11" t="s">
        <v>108</v>
      </c>
      <c r="T182" s="11" t="s">
        <v>102</v>
      </c>
      <c r="U182" s="11" t="s">
        <v>116</v>
      </c>
      <c r="V182" s="11" t="s">
        <v>260</v>
      </c>
      <c r="W182" s="11">
        <v>45</v>
      </c>
      <c r="X182" s="11" t="s">
        <v>139</v>
      </c>
      <c r="Y182" s="11" t="s">
        <v>156</v>
      </c>
      <c r="Z182" s="11" t="s">
        <v>102</v>
      </c>
      <c r="AA182" s="11" t="s">
        <v>113</v>
      </c>
      <c r="AB182" s="11" t="s">
        <v>347</v>
      </c>
    </row>
    <row r="183" spans="1:28">
      <c r="A183" s="11" t="s">
        <v>40</v>
      </c>
      <c r="B183" s="48">
        <v>44681</v>
      </c>
      <c r="C183" s="11" t="s">
        <v>45</v>
      </c>
      <c r="D183" s="11">
        <v>4</v>
      </c>
      <c r="E183" s="11">
        <v>2022</v>
      </c>
      <c r="F183" s="11" t="s">
        <v>44</v>
      </c>
      <c r="G183" s="11" t="s">
        <v>98</v>
      </c>
      <c r="H183" s="11" t="s">
        <v>99</v>
      </c>
      <c r="I183" s="11" t="s">
        <v>100</v>
      </c>
      <c r="J183" s="11" t="s">
        <v>101</v>
      </c>
      <c r="K183" s="11">
        <v>827136</v>
      </c>
      <c r="L183" s="11" t="s">
        <v>102</v>
      </c>
      <c r="M183" s="11" t="s">
        <v>102</v>
      </c>
      <c r="N183" s="11" t="s">
        <v>103</v>
      </c>
      <c r="O183" s="11" t="s">
        <v>104</v>
      </c>
      <c r="P183" s="11" t="s">
        <v>105</v>
      </c>
      <c r="Q183" s="11" t="s">
        <v>106</v>
      </c>
      <c r="R183" s="11" t="s">
        <v>107</v>
      </c>
      <c r="S183" s="11" t="s">
        <v>108</v>
      </c>
      <c r="T183" s="11" t="s">
        <v>102</v>
      </c>
      <c r="U183" s="11" t="s">
        <v>116</v>
      </c>
      <c r="V183" s="11" t="s">
        <v>261</v>
      </c>
      <c r="W183" s="11">
        <v>3</v>
      </c>
      <c r="X183" s="11" t="s">
        <v>139</v>
      </c>
      <c r="Y183" s="11" t="s">
        <v>156</v>
      </c>
      <c r="Z183" s="11" t="s">
        <v>102</v>
      </c>
      <c r="AA183" s="11" t="s">
        <v>113</v>
      </c>
      <c r="AB183" s="11" t="s">
        <v>337</v>
      </c>
    </row>
    <row r="184" spans="1:28">
      <c r="A184" s="11" t="s">
        <v>41</v>
      </c>
      <c r="B184" s="48">
        <v>45046</v>
      </c>
      <c r="C184" s="11" t="s">
        <v>137</v>
      </c>
      <c r="D184" s="11">
        <v>4</v>
      </c>
      <c r="E184" s="11">
        <v>2023</v>
      </c>
      <c r="F184" s="11" t="s">
        <v>44</v>
      </c>
      <c r="G184" s="11" t="s">
        <v>98</v>
      </c>
      <c r="H184" s="11" t="s">
        <v>99</v>
      </c>
      <c r="I184" s="11" t="s">
        <v>130</v>
      </c>
      <c r="J184" s="11" t="s">
        <v>101</v>
      </c>
      <c r="K184" s="11">
        <v>234862</v>
      </c>
      <c r="L184" s="11" t="s">
        <v>102</v>
      </c>
      <c r="M184" s="11" t="s">
        <v>102</v>
      </c>
      <c r="N184" s="11" t="s">
        <v>103</v>
      </c>
      <c r="O184" s="11" t="s">
        <v>132</v>
      </c>
      <c r="P184" s="11" t="s">
        <v>133</v>
      </c>
      <c r="Q184" s="11" t="s">
        <v>106</v>
      </c>
      <c r="R184" s="11" t="s">
        <v>107</v>
      </c>
      <c r="S184" s="11" t="s">
        <v>108</v>
      </c>
      <c r="T184" s="11" t="s">
        <v>102</v>
      </c>
      <c r="U184" s="11" t="s">
        <v>116</v>
      </c>
      <c r="V184" s="11" t="s">
        <v>368</v>
      </c>
      <c r="W184" s="11">
        <v>3</v>
      </c>
      <c r="X184" s="11" t="s">
        <v>139</v>
      </c>
      <c r="Y184" s="11" t="s">
        <v>184</v>
      </c>
      <c r="Z184" s="11" t="s">
        <v>102</v>
      </c>
      <c r="AA184" s="11" t="s">
        <v>113</v>
      </c>
      <c r="AB184" s="11" t="s">
        <v>353</v>
      </c>
    </row>
    <row r="185" spans="1:28">
      <c r="A185" s="11" t="s">
        <v>41</v>
      </c>
      <c r="B185" s="48">
        <v>45046</v>
      </c>
      <c r="C185" s="11" t="s">
        <v>369</v>
      </c>
      <c r="D185" s="11">
        <v>4</v>
      </c>
      <c r="E185" s="11">
        <v>2023</v>
      </c>
      <c r="F185" s="11" t="s">
        <v>44</v>
      </c>
      <c r="G185" s="11" t="s">
        <v>98</v>
      </c>
      <c r="H185" s="11" t="s">
        <v>192</v>
      </c>
      <c r="I185" s="11" t="s">
        <v>130</v>
      </c>
      <c r="J185" s="11" t="s">
        <v>358</v>
      </c>
      <c r="K185" s="11">
        <v>-234862</v>
      </c>
      <c r="L185" s="11" t="s">
        <v>102</v>
      </c>
      <c r="M185" s="11" t="s">
        <v>102</v>
      </c>
      <c r="N185" s="11" t="s">
        <v>103</v>
      </c>
      <c r="O185" s="11" t="s">
        <v>132</v>
      </c>
      <c r="P185" s="11" t="s">
        <v>133</v>
      </c>
      <c r="Q185" s="11" t="s">
        <v>106</v>
      </c>
      <c r="R185" s="11" t="s">
        <v>107</v>
      </c>
      <c r="S185" s="11" t="s">
        <v>108</v>
      </c>
      <c r="T185" s="11" t="s">
        <v>102</v>
      </c>
      <c r="U185" s="11" t="s">
        <v>116</v>
      </c>
      <c r="V185" s="11" t="s">
        <v>370</v>
      </c>
      <c r="W185" s="11">
        <v>94</v>
      </c>
      <c r="X185" s="11" t="s">
        <v>195</v>
      </c>
      <c r="Y185" s="11" t="s">
        <v>136</v>
      </c>
      <c r="Z185" s="11" t="s">
        <v>102</v>
      </c>
      <c r="AA185" s="11" t="s">
        <v>102</v>
      </c>
      <c r="AB185" s="11" t="s">
        <v>192</v>
      </c>
    </row>
    <row r="186" spans="1:28">
      <c r="A186" s="11" t="s">
        <v>41</v>
      </c>
      <c r="B186" s="48">
        <v>45046</v>
      </c>
      <c r="C186" s="11" t="s">
        <v>371</v>
      </c>
      <c r="D186" s="11">
        <v>4</v>
      </c>
      <c r="E186" s="11">
        <v>2023</v>
      </c>
      <c r="F186" s="11" t="s">
        <v>44</v>
      </c>
      <c r="G186" s="11" t="s">
        <v>98</v>
      </c>
      <c r="H186" s="11" t="s">
        <v>129</v>
      </c>
      <c r="I186" s="11" t="s">
        <v>130</v>
      </c>
      <c r="J186" s="11" t="s">
        <v>131</v>
      </c>
      <c r="K186" s="11">
        <v>243544</v>
      </c>
      <c r="L186" s="11" t="s">
        <v>102</v>
      </c>
      <c r="M186" s="11" t="s">
        <v>102</v>
      </c>
      <c r="N186" s="11" t="s">
        <v>103</v>
      </c>
      <c r="O186" s="11" t="s">
        <v>132</v>
      </c>
      <c r="P186" s="11" t="s">
        <v>133</v>
      </c>
      <c r="Q186" s="11" t="s">
        <v>106</v>
      </c>
      <c r="R186" s="11" t="s">
        <v>107</v>
      </c>
      <c r="S186" s="11" t="s">
        <v>108</v>
      </c>
      <c r="T186" s="11" t="s">
        <v>102</v>
      </c>
      <c r="U186" s="11" t="s">
        <v>116</v>
      </c>
      <c r="V186" s="11" t="s">
        <v>372</v>
      </c>
      <c r="W186" s="11">
        <v>19</v>
      </c>
      <c r="X186" s="11" t="s">
        <v>135</v>
      </c>
      <c r="Y186" s="11" t="s">
        <v>136</v>
      </c>
      <c r="Z186" s="11" t="s">
        <v>102</v>
      </c>
      <c r="AA186" s="11" t="s">
        <v>102</v>
      </c>
      <c r="AB186" s="11" t="s">
        <v>129</v>
      </c>
    </row>
    <row r="187" spans="1:28">
      <c r="A187" s="11" t="s">
        <v>41</v>
      </c>
      <c r="B187" s="48">
        <v>44681</v>
      </c>
      <c r="C187" s="11" t="s">
        <v>45</v>
      </c>
      <c r="D187" s="11">
        <v>4</v>
      </c>
      <c r="E187" s="11">
        <v>2022</v>
      </c>
      <c r="F187" s="11" t="s">
        <v>44</v>
      </c>
      <c r="G187" s="11" t="s">
        <v>98</v>
      </c>
      <c r="H187" s="11" t="s">
        <v>99</v>
      </c>
      <c r="I187" s="11" t="s">
        <v>100</v>
      </c>
      <c r="J187" s="11" t="s">
        <v>101</v>
      </c>
      <c r="K187" s="11">
        <v>30628</v>
      </c>
      <c r="L187" s="11" t="s">
        <v>102</v>
      </c>
      <c r="M187" s="11" t="s">
        <v>102</v>
      </c>
      <c r="N187" s="11" t="s">
        <v>103</v>
      </c>
      <c r="O187" s="11" t="s">
        <v>121</v>
      </c>
      <c r="P187" s="11" t="s">
        <v>105</v>
      </c>
      <c r="Q187" s="11" t="s">
        <v>106</v>
      </c>
      <c r="R187" s="11" t="s">
        <v>107</v>
      </c>
      <c r="S187" s="11" t="s">
        <v>108</v>
      </c>
      <c r="T187" s="11" t="s">
        <v>102</v>
      </c>
      <c r="U187" s="11" t="s">
        <v>116</v>
      </c>
      <c r="V187" s="11" t="s">
        <v>262</v>
      </c>
      <c r="W187" s="11">
        <v>8</v>
      </c>
      <c r="X187" s="11" t="s">
        <v>139</v>
      </c>
      <c r="Y187" s="11" t="s">
        <v>156</v>
      </c>
      <c r="Z187" s="11" t="s">
        <v>102</v>
      </c>
      <c r="AA187" s="11" t="s">
        <v>113</v>
      </c>
      <c r="AB187" s="11" t="s">
        <v>340</v>
      </c>
    </row>
    <row r="188" spans="1:28">
      <c r="A188" s="11" t="s">
        <v>42</v>
      </c>
      <c r="B188" s="48">
        <v>44681</v>
      </c>
      <c r="C188" s="11" t="s">
        <v>45</v>
      </c>
      <c r="D188" s="11">
        <v>4</v>
      </c>
      <c r="E188" s="11">
        <v>2022</v>
      </c>
      <c r="F188" s="11" t="s">
        <v>44</v>
      </c>
      <c r="G188" s="11" t="s">
        <v>98</v>
      </c>
      <c r="H188" s="11" t="s">
        <v>99</v>
      </c>
      <c r="I188" s="11" t="s">
        <v>100</v>
      </c>
      <c r="J188" s="11" t="s">
        <v>101</v>
      </c>
      <c r="K188" s="11">
        <v>418845</v>
      </c>
      <c r="L188" s="11" t="s">
        <v>102</v>
      </c>
      <c r="M188" s="11" t="s">
        <v>102</v>
      </c>
      <c r="N188" s="11" t="s">
        <v>103</v>
      </c>
      <c r="O188" s="11" t="s">
        <v>143</v>
      </c>
      <c r="P188" s="11" t="s">
        <v>105</v>
      </c>
      <c r="Q188" s="11" t="s">
        <v>106</v>
      </c>
      <c r="R188" s="11" t="s">
        <v>107</v>
      </c>
      <c r="S188" s="11" t="s">
        <v>108</v>
      </c>
      <c r="T188" s="11" t="s">
        <v>102</v>
      </c>
      <c r="U188" s="11" t="s">
        <v>116</v>
      </c>
      <c r="V188" s="11" t="s">
        <v>263</v>
      </c>
      <c r="W188" s="11">
        <v>45</v>
      </c>
      <c r="X188" s="11" t="s">
        <v>139</v>
      </c>
      <c r="Y188" s="11" t="s">
        <v>156</v>
      </c>
      <c r="Z188" s="11" t="s">
        <v>102</v>
      </c>
      <c r="AA188" s="11" t="s">
        <v>113</v>
      </c>
      <c r="AB188" s="11" t="s">
        <v>347</v>
      </c>
    </row>
    <row r="189" spans="1:28">
      <c r="A189" s="11" t="s">
        <v>40</v>
      </c>
      <c r="B189" s="48">
        <v>44712</v>
      </c>
      <c r="C189" s="11" t="s">
        <v>45</v>
      </c>
      <c r="D189" s="11">
        <v>5</v>
      </c>
      <c r="E189" s="11">
        <v>2022</v>
      </c>
      <c r="F189" s="11" t="s">
        <v>44</v>
      </c>
      <c r="G189" s="11" t="s">
        <v>98</v>
      </c>
      <c r="H189" s="11" t="s">
        <v>99</v>
      </c>
      <c r="I189" s="11" t="s">
        <v>100</v>
      </c>
      <c r="J189" s="11" t="s">
        <v>101</v>
      </c>
      <c r="K189" s="11">
        <v>827136</v>
      </c>
      <c r="L189" s="11" t="s">
        <v>102</v>
      </c>
      <c r="M189" s="11" t="s">
        <v>102</v>
      </c>
      <c r="N189" s="11" t="s">
        <v>103</v>
      </c>
      <c r="O189" s="11" t="s">
        <v>104</v>
      </c>
      <c r="P189" s="11" t="s">
        <v>105</v>
      </c>
      <c r="Q189" s="11" t="s">
        <v>106</v>
      </c>
      <c r="R189" s="11" t="s">
        <v>107</v>
      </c>
      <c r="S189" s="11" t="s">
        <v>108</v>
      </c>
      <c r="T189" s="11" t="s">
        <v>102</v>
      </c>
      <c r="U189" s="11" t="s">
        <v>116</v>
      </c>
      <c r="V189" s="11" t="s">
        <v>264</v>
      </c>
      <c r="W189" s="11">
        <v>3</v>
      </c>
      <c r="X189" s="11" t="s">
        <v>139</v>
      </c>
      <c r="Y189" s="11" t="s">
        <v>184</v>
      </c>
      <c r="Z189" s="11" t="s">
        <v>102</v>
      </c>
      <c r="AA189" s="11" t="s">
        <v>113</v>
      </c>
      <c r="AB189" s="11" t="s">
        <v>337</v>
      </c>
    </row>
    <row r="190" spans="1:28">
      <c r="A190" s="11" t="s">
        <v>41</v>
      </c>
      <c r="B190" s="48">
        <v>44712</v>
      </c>
      <c r="C190" s="11" t="s">
        <v>45</v>
      </c>
      <c r="D190" s="11">
        <v>5</v>
      </c>
      <c r="E190" s="11">
        <v>2022</v>
      </c>
      <c r="F190" s="11" t="s">
        <v>44</v>
      </c>
      <c r="G190" s="11" t="s">
        <v>98</v>
      </c>
      <c r="H190" s="11" t="s">
        <v>99</v>
      </c>
      <c r="I190" s="11" t="s">
        <v>100</v>
      </c>
      <c r="J190" s="11" t="s">
        <v>101</v>
      </c>
      <c r="K190" s="11">
        <v>30628</v>
      </c>
      <c r="L190" s="11" t="s">
        <v>102</v>
      </c>
      <c r="M190" s="11" t="s">
        <v>102</v>
      </c>
      <c r="N190" s="11" t="s">
        <v>103</v>
      </c>
      <c r="O190" s="11" t="s">
        <v>121</v>
      </c>
      <c r="P190" s="11" t="s">
        <v>105</v>
      </c>
      <c r="Q190" s="11" t="s">
        <v>106</v>
      </c>
      <c r="R190" s="11" t="s">
        <v>107</v>
      </c>
      <c r="S190" s="11" t="s">
        <v>108</v>
      </c>
      <c r="T190" s="11" t="s">
        <v>102</v>
      </c>
      <c r="U190" s="11" t="s">
        <v>116</v>
      </c>
      <c r="V190" s="11" t="s">
        <v>265</v>
      </c>
      <c r="W190" s="11">
        <v>8</v>
      </c>
      <c r="X190" s="11" t="s">
        <v>139</v>
      </c>
      <c r="Y190" s="11" t="s">
        <v>184</v>
      </c>
      <c r="Z190" s="11" t="s">
        <v>102</v>
      </c>
      <c r="AA190" s="11" t="s">
        <v>113</v>
      </c>
      <c r="AB190" s="11" t="s">
        <v>340</v>
      </c>
    </row>
    <row r="191" spans="1:28">
      <c r="A191" s="11" t="s">
        <v>42</v>
      </c>
      <c r="B191" s="48">
        <v>44712</v>
      </c>
      <c r="C191" s="11" t="s">
        <v>45</v>
      </c>
      <c r="D191" s="11">
        <v>5</v>
      </c>
      <c r="E191" s="11">
        <v>2022</v>
      </c>
      <c r="F191" s="11" t="s">
        <v>44</v>
      </c>
      <c r="G191" s="11" t="s">
        <v>98</v>
      </c>
      <c r="H191" s="11" t="s">
        <v>99</v>
      </c>
      <c r="I191" s="11" t="s">
        <v>100</v>
      </c>
      <c r="J191" s="11" t="s">
        <v>101</v>
      </c>
      <c r="K191" s="11">
        <v>418845</v>
      </c>
      <c r="L191" s="11" t="s">
        <v>102</v>
      </c>
      <c r="M191" s="11" t="s">
        <v>102</v>
      </c>
      <c r="N191" s="11" t="s">
        <v>103</v>
      </c>
      <c r="O191" s="11" t="s">
        <v>143</v>
      </c>
      <c r="P191" s="11" t="s">
        <v>105</v>
      </c>
      <c r="Q191" s="11" t="s">
        <v>106</v>
      </c>
      <c r="R191" s="11" t="s">
        <v>107</v>
      </c>
      <c r="S191" s="11" t="s">
        <v>108</v>
      </c>
      <c r="T191" s="11" t="s">
        <v>102</v>
      </c>
      <c r="U191" s="11" t="s">
        <v>116</v>
      </c>
      <c r="V191" s="11" t="s">
        <v>266</v>
      </c>
      <c r="W191" s="11">
        <v>45</v>
      </c>
      <c r="X191" s="11" t="s">
        <v>139</v>
      </c>
      <c r="Y191" s="11" t="s">
        <v>184</v>
      </c>
      <c r="Z191" s="11" t="s">
        <v>102</v>
      </c>
      <c r="AA191" s="11" t="s">
        <v>113</v>
      </c>
      <c r="AB191" s="11" t="s">
        <v>347</v>
      </c>
    </row>
    <row r="192" spans="1:28">
      <c r="A192" s="11" t="s">
        <v>40</v>
      </c>
      <c r="B192" s="48">
        <v>44740</v>
      </c>
      <c r="C192" s="11" t="s">
        <v>45</v>
      </c>
      <c r="D192" s="11">
        <v>6</v>
      </c>
      <c r="E192" s="11">
        <v>2022</v>
      </c>
      <c r="F192" s="11" t="s">
        <v>44</v>
      </c>
      <c r="G192" s="11" t="s">
        <v>98</v>
      </c>
      <c r="H192" s="11" t="s">
        <v>267</v>
      </c>
      <c r="I192" s="11" t="s">
        <v>100</v>
      </c>
      <c r="J192" s="11" t="s">
        <v>101</v>
      </c>
      <c r="K192" s="11">
        <v>827136</v>
      </c>
      <c r="L192" s="11" t="s">
        <v>102</v>
      </c>
      <c r="M192" s="11" t="s">
        <v>102</v>
      </c>
      <c r="N192" s="11" t="s">
        <v>103</v>
      </c>
      <c r="O192" s="11" t="s">
        <v>104</v>
      </c>
      <c r="P192" s="11" t="s">
        <v>105</v>
      </c>
      <c r="Q192" s="11" t="s">
        <v>106</v>
      </c>
      <c r="R192" s="11" t="s">
        <v>107</v>
      </c>
      <c r="S192" s="11" t="s">
        <v>108</v>
      </c>
      <c r="T192" s="11" t="s">
        <v>102</v>
      </c>
      <c r="U192" s="11" t="s">
        <v>116</v>
      </c>
      <c r="V192" s="11" t="s">
        <v>268</v>
      </c>
      <c r="W192" s="11">
        <v>3</v>
      </c>
      <c r="X192" s="11" t="s">
        <v>111</v>
      </c>
      <c r="Y192" s="11" t="s">
        <v>269</v>
      </c>
      <c r="Z192" s="11" t="s">
        <v>102</v>
      </c>
      <c r="AA192" s="11" t="s">
        <v>113</v>
      </c>
      <c r="AB192" s="11" t="s">
        <v>337</v>
      </c>
    </row>
    <row r="193" spans="1:28">
      <c r="A193" s="11" t="s">
        <v>41</v>
      </c>
      <c r="B193" s="48">
        <v>44740</v>
      </c>
      <c r="C193" s="11" t="s">
        <v>45</v>
      </c>
      <c r="D193" s="11">
        <v>6</v>
      </c>
      <c r="E193" s="11">
        <v>2022</v>
      </c>
      <c r="F193" s="11" t="s">
        <v>44</v>
      </c>
      <c r="G193" s="11" t="s">
        <v>98</v>
      </c>
      <c r="H193" s="11" t="s">
        <v>267</v>
      </c>
      <c r="I193" s="11" t="s">
        <v>100</v>
      </c>
      <c r="J193" s="11" t="s">
        <v>101</v>
      </c>
      <c r="K193" s="11">
        <v>30628</v>
      </c>
      <c r="L193" s="11" t="s">
        <v>102</v>
      </c>
      <c r="M193" s="11" t="s">
        <v>102</v>
      </c>
      <c r="N193" s="11" t="s">
        <v>103</v>
      </c>
      <c r="O193" s="11" t="s">
        <v>121</v>
      </c>
      <c r="P193" s="11" t="s">
        <v>105</v>
      </c>
      <c r="Q193" s="11" t="s">
        <v>106</v>
      </c>
      <c r="R193" s="11" t="s">
        <v>107</v>
      </c>
      <c r="S193" s="11" t="s">
        <v>108</v>
      </c>
      <c r="T193" s="11" t="s">
        <v>102</v>
      </c>
      <c r="U193" s="11" t="s">
        <v>116</v>
      </c>
      <c r="V193" s="11" t="s">
        <v>270</v>
      </c>
      <c r="W193" s="11">
        <v>8</v>
      </c>
      <c r="X193" s="11" t="s">
        <v>111</v>
      </c>
      <c r="Y193" s="11" t="s">
        <v>269</v>
      </c>
      <c r="Z193" s="11" t="s">
        <v>102</v>
      </c>
      <c r="AA193" s="11" t="s">
        <v>113</v>
      </c>
      <c r="AB193" s="11" t="s">
        <v>340</v>
      </c>
    </row>
    <row r="194" spans="1:28">
      <c r="A194" s="11" t="s">
        <v>42</v>
      </c>
      <c r="B194" s="48">
        <v>44740</v>
      </c>
      <c r="C194" s="11" t="s">
        <v>45</v>
      </c>
      <c r="D194" s="11">
        <v>6</v>
      </c>
      <c r="E194" s="11">
        <v>2022</v>
      </c>
      <c r="F194" s="11" t="s">
        <v>44</v>
      </c>
      <c r="G194" s="11" t="s">
        <v>98</v>
      </c>
      <c r="H194" s="11" t="s">
        <v>267</v>
      </c>
      <c r="I194" s="11" t="s">
        <v>100</v>
      </c>
      <c r="J194" s="11" t="s">
        <v>101</v>
      </c>
      <c r="K194" s="11">
        <v>418845</v>
      </c>
      <c r="L194" s="11" t="s">
        <v>102</v>
      </c>
      <c r="M194" s="11" t="s">
        <v>102</v>
      </c>
      <c r="N194" s="11" t="s">
        <v>103</v>
      </c>
      <c r="O194" s="11" t="s">
        <v>143</v>
      </c>
      <c r="P194" s="11" t="s">
        <v>105</v>
      </c>
      <c r="Q194" s="11" t="s">
        <v>106</v>
      </c>
      <c r="R194" s="11" t="s">
        <v>107</v>
      </c>
      <c r="S194" s="11" t="s">
        <v>108</v>
      </c>
      <c r="T194" s="11" t="s">
        <v>102</v>
      </c>
      <c r="U194" s="11" t="s">
        <v>116</v>
      </c>
      <c r="V194" s="11" t="s">
        <v>271</v>
      </c>
      <c r="W194" s="11">
        <v>12</v>
      </c>
      <c r="X194" s="11" t="s">
        <v>111</v>
      </c>
      <c r="Y194" s="11" t="s">
        <v>269</v>
      </c>
      <c r="Z194" s="11" t="s">
        <v>102</v>
      </c>
      <c r="AA194" s="11" t="s">
        <v>113</v>
      </c>
      <c r="AB194" s="11" t="s">
        <v>347</v>
      </c>
    </row>
    <row r="195" spans="1:28">
      <c r="A195" s="11" t="s">
        <v>40</v>
      </c>
      <c r="B195" s="48">
        <v>44773</v>
      </c>
      <c r="C195" s="11" t="s">
        <v>137</v>
      </c>
      <c r="D195" s="11">
        <v>7</v>
      </c>
      <c r="E195" s="11">
        <v>2022</v>
      </c>
      <c r="F195" s="11" t="s">
        <v>44</v>
      </c>
      <c r="G195" s="11" t="s">
        <v>98</v>
      </c>
      <c r="H195" s="11" t="s">
        <v>99</v>
      </c>
      <c r="I195" s="11" t="s">
        <v>130</v>
      </c>
      <c r="J195" s="11" t="s">
        <v>101</v>
      </c>
      <c r="K195" s="11">
        <v>952.55</v>
      </c>
      <c r="L195" s="11" t="s">
        <v>102</v>
      </c>
      <c r="M195" s="11" t="s">
        <v>102</v>
      </c>
      <c r="N195" s="11" t="s">
        <v>103</v>
      </c>
      <c r="O195" s="11" t="s">
        <v>104</v>
      </c>
      <c r="P195" s="11" t="s">
        <v>105</v>
      </c>
      <c r="Q195" s="11" t="s">
        <v>106</v>
      </c>
      <c r="R195" s="11" t="s">
        <v>107</v>
      </c>
      <c r="S195" s="11" t="s">
        <v>108</v>
      </c>
      <c r="T195" s="11" t="s">
        <v>102</v>
      </c>
      <c r="U195" s="11" t="s">
        <v>116</v>
      </c>
      <c r="V195" s="11" t="s">
        <v>373</v>
      </c>
      <c r="W195" s="11">
        <v>1</v>
      </c>
      <c r="X195" s="11" t="s">
        <v>139</v>
      </c>
      <c r="Y195" s="11" t="s">
        <v>184</v>
      </c>
      <c r="Z195" s="11" t="s">
        <v>102</v>
      </c>
      <c r="AA195" s="11" t="s">
        <v>113</v>
      </c>
      <c r="AB195" s="11" t="s">
        <v>374</v>
      </c>
    </row>
    <row r="196" spans="1:28">
      <c r="A196" s="11" t="s">
        <v>40</v>
      </c>
      <c r="B196" s="48">
        <v>44773</v>
      </c>
      <c r="C196" s="11" t="s">
        <v>45</v>
      </c>
      <c r="D196" s="11">
        <v>7</v>
      </c>
      <c r="E196" s="11">
        <v>2022</v>
      </c>
      <c r="F196" s="11" t="s">
        <v>44</v>
      </c>
      <c r="G196" s="11" t="s">
        <v>98</v>
      </c>
      <c r="H196" s="11" t="s">
        <v>244</v>
      </c>
      <c r="I196" s="11" t="s">
        <v>100</v>
      </c>
      <c r="J196" s="11" t="s">
        <v>101</v>
      </c>
      <c r="K196" s="11">
        <v>827136</v>
      </c>
      <c r="L196" s="11" t="s">
        <v>102</v>
      </c>
      <c r="M196" s="11" t="s">
        <v>102</v>
      </c>
      <c r="N196" s="11" t="s">
        <v>103</v>
      </c>
      <c r="O196" s="11" t="s">
        <v>104</v>
      </c>
      <c r="P196" s="11" t="s">
        <v>105</v>
      </c>
      <c r="Q196" s="11" t="s">
        <v>106</v>
      </c>
      <c r="R196" s="11" t="s">
        <v>107</v>
      </c>
      <c r="S196" s="11" t="s">
        <v>108</v>
      </c>
      <c r="T196" s="11" t="s">
        <v>102</v>
      </c>
      <c r="U196" s="11" t="s">
        <v>116</v>
      </c>
      <c r="V196" s="11" t="s">
        <v>272</v>
      </c>
      <c r="W196" s="11">
        <v>3</v>
      </c>
      <c r="X196" s="11" t="s">
        <v>139</v>
      </c>
      <c r="Y196" s="11" t="s">
        <v>184</v>
      </c>
      <c r="Z196" s="11" t="s">
        <v>102</v>
      </c>
      <c r="AA196" s="11" t="s">
        <v>113</v>
      </c>
      <c r="AB196" s="11" t="s">
        <v>337</v>
      </c>
    </row>
    <row r="197" spans="1:28">
      <c r="A197" s="11" t="s">
        <v>41</v>
      </c>
      <c r="B197" s="48">
        <v>44773</v>
      </c>
      <c r="C197" s="11" t="s">
        <v>137</v>
      </c>
      <c r="D197" s="11">
        <v>7</v>
      </c>
      <c r="E197" s="11">
        <v>2022</v>
      </c>
      <c r="F197" s="11" t="s">
        <v>44</v>
      </c>
      <c r="G197" s="11" t="s">
        <v>98</v>
      </c>
      <c r="H197" s="11" t="s">
        <v>99</v>
      </c>
      <c r="I197" s="11" t="s">
        <v>130</v>
      </c>
      <c r="J197" s="11" t="s">
        <v>101</v>
      </c>
      <c r="K197" s="11">
        <v>230967</v>
      </c>
      <c r="L197" s="11" t="s">
        <v>102</v>
      </c>
      <c r="M197" s="11" t="s">
        <v>102</v>
      </c>
      <c r="N197" s="11" t="s">
        <v>103</v>
      </c>
      <c r="O197" s="11" t="s">
        <v>132</v>
      </c>
      <c r="P197" s="11" t="s">
        <v>133</v>
      </c>
      <c r="Q197" s="11" t="s">
        <v>106</v>
      </c>
      <c r="R197" s="11" t="s">
        <v>107</v>
      </c>
      <c r="S197" s="11" t="s">
        <v>108</v>
      </c>
      <c r="T197" s="11" t="s">
        <v>102</v>
      </c>
      <c r="U197" s="11" t="s">
        <v>116</v>
      </c>
      <c r="V197" s="11" t="s">
        <v>375</v>
      </c>
      <c r="W197" s="11">
        <v>5</v>
      </c>
      <c r="X197" s="11" t="s">
        <v>139</v>
      </c>
      <c r="Y197" s="11" t="s">
        <v>184</v>
      </c>
      <c r="Z197" s="11" t="s">
        <v>102</v>
      </c>
      <c r="AA197" s="11" t="s">
        <v>113</v>
      </c>
      <c r="AB197" s="11" t="s">
        <v>353</v>
      </c>
    </row>
    <row r="198" spans="1:28">
      <c r="A198" s="11" t="s">
        <v>41</v>
      </c>
      <c r="B198" s="48">
        <v>44773</v>
      </c>
      <c r="C198" s="11" t="s">
        <v>45</v>
      </c>
      <c r="D198" s="11">
        <v>7</v>
      </c>
      <c r="E198" s="11">
        <v>2022</v>
      </c>
      <c r="F198" s="11" t="s">
        <v>44</v>
      </c>
      <c r="G198" s="11" t="s">
        <v>98</v>
      </c>
      <c r="H198" s="11" t="s">
        <v>244</v>
      </c>
      <c r="I198" s="11" t="s">
        <v>100</v>
      </c>
      <c r="J198" s="11" t="s">
        <v>101</v>
      </c>
      <c r="K198" s="11">
        <v>30628</v>
      </c>
      <c r="L198" s="11" t="s">
        <v>102</v>
      </c>
      <c r="M198" s="11" t="s">
        <v>102</v>
      </c>
      <c r="N198" s="11" t="s">
        <v>103</v>
      </c>
      <c r="O198" s="11" t="s">
        <v>121</v>
      </c>
      <c r="P198" s="11" t="s">
        <v>105</v>
      </c>
      <c r="Q198" s="11" t="s">
        <v>106</v>
      </c>
      <c r="R198" s="11" t="s">
        <v>107</v>
      </c>
      <c r="S198" s="11" t="s">
        <v>108</v>
      </c>
      <c r="T198" s="11" t="s">
        <v>102</v>
      </c>
      <c r="U198" s="11" t="s">
        <v>116</v>
      </c>
      <c r="V198" s="11" t="s">
        <v>277</v>
      </c>
      <c r="W198" s="11">
        <v>8</v>
      </c>
      <c r="X198" s="11" t="s">
        <v>139</v>
      </c>
      <c r="Y198" s="11" t="s">
        <v>184</v>
      </c>
      <c r="Z198" s="11" t="s">
        <v>102</v>
      </c>
      <c r="AA198" s="11" t="s">
        <v>113</v>
      </c>
      <c r="AB198" s="11" t="s">
        <v>340</v>
      </c>
    </row>
    <row r="199" spans="1:28">
      <c r="A199" s="11" t="s">
        <v>41</v>
      </c>
      <c r="B199" s="48">
        <v>44773</v>
      </c>
      <c r="C199" s="11" t="s">
        <v>376</v>
      </c>
      <c r="D199" s="11">
        <v>7</v>
      </c>
      <c r="E199" s="11">
        <v>2022</v>
      </c>
      <c r="F199" s="11" t="s">
        <v>44</v>
      </c>
      <c r="G199" s="11" t="s">
        <v>98</v>
      </c>
      <c r="H199" s="11" t="s">
        <v>192</v>
      </c>
      <c r="I199" s="11" t="s">
        <v>130</v>
      </c>
      <c r="J199" s="11" t="s">
        <v>193</v>
      </c>
      <c r="K199" s="11">
        <v>249271</v>
      </c>
      <c r="L199" s="11" t="s">
        <v>102</v>
      </c>
      <c r="M199" s="11" t="s">
        <v>102</v>
      </c>
      <c r="N199" s="11" t="s">
        <v>103</v>
      </c>
      <c r="O199" s="11" t="s">
        <v>132</v>
      </c>
      <c r="P199" s="11" t="s">
        <v>133</v>
      </c>
      <c r="Q199" s="11" t="s">
        <v>106</v>
      </c>
      <c r="R199" s="11" t="s">
        <v>107</v>
      </c>
      <c r="S199" s="11" t="s">
        <v>108</v>
      </c>
      <c r="T199" s="11" t="s">
        <v>102</v>
      </c>
      <c r="U199" s="11" t="s">
        <v>116</v>
      </c>
      <c r="V199" s="11" t="s">
        <v>377</v>
      </c>
      <c r="W199" s="11">
        <v>157</v>
      </c>
      <c r="X199" s="11" t="s">
        <v>195</v>
      </c>
      <c r="Y199" s="11" t="s">
        <v>136</v>
      </c>
      <c r="Z199" s="11" t="s">
        <v>102</v>
      </c>
      <c r="AA199" s="11" t="s">
        <v>102</v>
      </c>
      <c r="AB199" s="11" t="s">
        <v>192</v>
      </c>
    </row>
    <row r="200" spans="1:28">
      <c r="A200" s="11" t="s">
        <v>41</v>
      </c>
      <c r="B200" s="48">
        <v>44406</v>
      </c>
      <c r="C200" s="11" t="s">
        <v>278</v>
      </c>
      <c r="D200" s="11">
        <v>7</v>
      </c>
      <c r="E200" s="11">
        <v>2021</v>
      </c>
      <c r="F200" s="11" t="s">
        <v>44</v>
      </c>
      <c r="G200" s="11" t="s">
        <v>98</v>
      </c>
      <c r="H200" s="11" t="s">
        <v>378</v>
      </c>
      <c r="I200" s="11" t="s">
        <v>130</v>
      </c>
      <c r="J200" s="11" t="s">
        <v>101</v>
      </c>
      <c r="K200" s="11">
        <v>6600</v>
      </c>
      <c r="L200" s="11" t="s">
        <v>102</v>
      </c>
      <c r="M200" s="11" t="s">
        <v>102</v>
      </c>
      <c r="N200" s="11" t="s">
        <v>103</v>
      </c>
      <c r="O200" s="11" t="s">
        <v>214</v>
      </c>
      <c r="P200" s="11" t="s">
        <v>200</v>
      </c>
      <c r="Q200" s="11" t="s">
        <v>106</v>
      </c>
      <c r="R200" s="11" t="s">
        <v>107</v>
      </c>
      <c r="S200" s="11" t="s">
        <v>108</v>
      </c>
      <c r="T200" s="11" t="s">
        <v>102</v>
      </c>
      <c r="U200" s="11" t="s">
        <v>116</v>
      </c>
      <c r="V200" s="11" t="s">
        <v>379</v>
      </c>
      <c r="W200" s="11">
        <v>1</v>
      </c>
      <c r="X200" s="11" t="s">
        <v>139</v>
      </c>
      <c r="Y200" s="11" t="s">
        <v>156</v>
      </c>
      <c r="Z200" s="11" t="s">
        <v>102</v>
      </c>
      <c r="AA200" s="11" t="s">
        <v>113</v>
      </c>
      <c r="AB200" s="11" t="s">
        <v>380</v>
      </c>
    </row>
    <row r="201" spans="1:28">
      <c r="A201" s="11" t="s">
        <v>41</v>
      </c>
      <c r="B201" s="48">
        <v>44773</v>
      </c>
      <c r="C201" s="11" t="s">
        <v>381</v>
      </c>
      <c r="D201" s="11">
        <v>7</v>
      </c>
      <c r="E201" s="11">
        <v>2022</v>
      </c>
      <c r="F201" s="11" t="s">
        <v>44</v>
      </c>
      <c r="G201" s="11" t="s">
        <v>98</v>
      </c>
      <c r="H201" s="11" t="s">
        <v>129</v>
      </c>
      <c r="I201" s="11" t="s">
        <v>130</v>
      </c>
      <c r="J201" s="11" t="s">
        <v>131</v>
      </c>
      <c r="K201" s="11">
        <v>-240119</v>
      </c>
      <c r="L201" s="11" t="s">
        <v>102</v>
      </c>
      <c r="M201" s="11" t="s">
        <v>102</v>
      </c>
      <c r="N201" s="11" t="s">
        <v>103</v>
      </c>
      <c r="O201" s="11" t="s">
        <v>132</v>
      </c>
      <c r="P201" s="11" t="s">
        <v>133</v>
      </c>
      <c r="Q201" s="11" t="s">
        <v>106</v>
      </c>
      <c r="R201" s="11" t="s">
        <v>107</v>
      </c>
      <c r="S201" s="11" t="s">
        <v>108</v>
      </c>
      <c r="T201" s="11" t="s">
        <v>102</v>
      </c>
      <c r="U201" s="11" t="s">
        <v>116</v>
      </c>
      <c r="V201" s="11" t="s">
        <v>382</v>
      </c>
      <c r="W201" s="11">
        <v>184</v>
      </c>
      <c r="X201" s="11" t="s">
        <v>135</v>
      </c>
      <c r="Y201" s="11" t="s">
        <v>136</v>
      </c>
      <c r="Z201" s="11" t="s">
        <v>102</v>
      </c>
      <c r="AA201" s="11" t="s">
        <v>102</v>
      </c>
      <c r="AB201" s="11" t="s">
        <v>129</v>
      </c>
    </row>
    <row r="202" spans="1:28">
      <c r="A202" s="11" t="s">
        <v>42</v>
      </c>
      <c r="B202" s="48">
        <v>44773</v>
      </c>
      <c r="C202" s="11" t="s">
        <v>45</v>
      </c>
      <c r="D202" s="11">
        <v>7</v>
      </c>
      <c r="E202" s="11">
        <v>2022</v>
      </c>
      <c r="F202" s="11" t="s">
        <v>44</v>
      </c>
      <c r="G202" s="11" t="s">
        <v>98</v>
      </c>
      <c r="H202" s="11" t="s">
        <v>244</v>
      </c>
      <c r="I202" s="11" t="s">
        <v>100</v>
      </c>
      <c r="J202" s="11" t="s">
        <v>101</v>
      </c>
      <c r="K202" s="11">
        <v>418845</v>
      </c>
      <c r="L202" s="11" t="s">
        <v>102</v>
      </c>
      <c r="M202" s="11" t="s">
        <v>102</v>
      </c>
      <c r="N202" s="11" t="s">
        <v>103</v>
      </c>
      <c r="O202" s="11" t="s">
        <v>143</v>
      </c>
      <c r="P202" s="11" t="s">
        <v>105</v>
      </c>
      <c r="Q202" s="11" t="s">
        <v>106</v>
      </c>
      <c r="R202" s="11" t="s">
        <v>107</v>
      </c>
      <c r="S202" s="11" t="s">
        <v>108</v>
      </c>
      <c r="T202" s="11" t="s">
        <v>102</v>
      </c>
      <c r="U202" s="11" t="s">
        <v>116</v>
      </c>
      <c r="V202" s="11" t="s">
        <v>283</v>
      </c>
      <c r="W202" s="11">
        <v>12</v>
      </c>
      <c r="X202" s="11" t="s">
        <v>139</v>
      </c>
      <c r="Y202" s="11" t="s">
        <v>184</v>
      </c>
      <c r="Z202" s="11" t="s">
        <v>102</v>
      </c>
      <c r="AA202" s="11" t="s">
        <v>113</v>
      </c>
      <c r="AB202" s="11" t="s">
        <v>347</v>
      </c>
    </row>
    <row r="203" spans="1:28">
      <c r="A203" s="11" t="s">
        <v>40</v>
      </c>
      <c r="B203" s="48">
        <v>44804</v>
      </c>
      <c r="C203" s="11" t="s">
        <v>45</v>
      </c>
      <c r="D203" s="11">
        <v>8</v>
      </c>
      <c r="E203" s="11">
        <v>2022</v>
      </c>
      <c r="F203" s="11" t="s">
        <v>44</v>
      </c>
      <c r="G203" s="11" t="s">
        <v>98</v>
      </c>
      <c r="H203" s="11" t="s">
        <v>244</v>
      </c>
      <c r="I203" s="11" t="s">
        <v>100</v>
      </c>
      <c r="J203" s="11" t="s">
        <v>101</v>
      </c>
      <c r="K203" s="11">
        <v>827136</v>
      </c>
      <c r="L203" s="11" t="s">
        <v>102</v>
      </c>
      <c r="M203" s="11" t="s">
        <v>102</v>
      </c>
      <c r="N203" s="11" t="s">
        <v>103</v>
      </c>
      <c r="O203" s="11" t="s">
        <v>104</v>
      </c>
      <c r="P203" s="11" t="s">
        <v>105</v>
      </c>
      <c r="Q203" s="11" t="s">
        <v>106</v>
      </c>
      <c r="R203" s="11" t="s">
        <v>107</v>
      </c>
      <c r="S203" s="11" t="s">
        <v>108</v>
      </c>
      <c r="T203" s="11" t="s">
        <v>102</v>
      </c>
      <c r="U203" s="11" t="s">
        <v>116</v>
      </c>
      <c r="V203" s="11" t="s">
        <v>284</v>
      </c>
      <c r="W203" s="11">
        <v>3</v>
      </c>
      <c r="X203" s="11" t="s">
        <v>139</v>
      </c>
      <c r="Y203" s="11" t="s">
        <v>184</v>
      </c>
      <c r="Z203" s="11" t="s">
        <v>102</v>
      </c>
      <c r="AA203" s="11" t="s">
        <v>113</v>
      </c>
      <c r="AB203" s="11" t="s">
        <v>337</v>
      </c>
    </row>
    <row r="204" spans="1:28">
      <c r="A204" s="11" t="s">
        <v>41</v>
      </c>
      <c r="B204" s="48">
        <v>44804</v>
      </c>
      <c r="C204" s="11" t="s">
        <v>45</v>
      </c>
      <c r="D204" s="11">
        <v>8</v>
      </c>
      <c r="E204" s="11">
        <v>2022</v>
      </c>
      <c r="F204" s="11" t="s">
        <v>44</v>
      </c>
      <c r="G204" s="11" t="s">
        <v>98</v>
      </c>
      <c r="H204" s="11" t="s">
        <v>244</v>
      </c>
      <c r="I204" s="11" t="s">
        <v>100</v>
      </c>
      <c r="J204" s="11" t="s">
        <v>101</v>
      </c>
      <c r="K204" s="11">
        <v>30628</v>
      </c>
      <c r="L204" s="11" t="s">
        <v>102</v>
      </c>
      <c r="M204" s="11" t="s">
        <v>102</v>
      </c>
      <c r="N204" s="11" t="s">
        <v>103</v>
      </c>
      <c r="O204" s="11" t="s">
        <v>121</v>
      </c>
      <c r="P204" s="11" t="s">
        <v>105</v>
      </c>
      <c r="Q204" s="11" t="s">
        <v>106</v>
      </c>
      <c r="R204" s="11" t="s">
        <v>107</v>
      </c>
      <c r="S204" s="11" t="s">
        <v>108</v>
      </c>
      <c r="T204" s="11" t="s">
        <v>102</v>
      </c>
      <c r="U204" s="11" t="s">
        <v>116</v>
      </c>
      <c r="V204" s="11" t="s">
        <v>285</v>
      </c>
      <c r="W204" s="11">
        <v>8</v>
      </c>
      <c r="X204" s="11" t="s">
        <v>139</v>
      </c>
      <c r="Y204" s="11" t="s">
        <v>184</v>
      </c>
      <c r="Z204" s="11" t="s">
        <v>102</v>
      </c>
      <c r="AA204" s="11" t="s">
        <v>113</v>
      </c>
      <c r="AB204" s="11" t="s">
        <v>340</v>
      </c>
    </row>
    <row r="205" spans="1:28">
      <c r="A205" s="11" t="s">
        <v>41</v>
      </c>
      <c r="B205" s="48">
        <v>44804</v>
      </c>
      <c r="C205" s="11" t="s">
        <v>137</v>
      </c>
      <c r="D205" s="11">
        <v>8</v>
      </c>
      <c r="E205" s="11">
        <v>2022</v>
      </c>
      <c r="F205" s="11" t="s">
        <v>44</v>
      </c>
      <c r="G205" s="11" t="s">
        <v>98</v>
      </c>
      <c r="H205" s="11" t="s">
        <v>99</v>
      </c>
      <c r="I205" s="11" t="s">
        <v>130</v>
      </c>
      <c r="J205" s="11" t="s">
        <v>101</v>
      </c>
      <c r="K205" s="11">
        <v>230967</v>
      </c>
      <c r="L205" s="11" t="s">
        <v>102</v>
      </c>
      <c r="M205" s="11" t="s">
        <v>102</v>
      </c>
      <c r="N205" s="11" t="s">
        <v>103</v>
      </c>
      <c r="O205" s="11" t="s">
        <v>132</v>
      </c>
      <c r="P205" s="11" t="s">
        <v>133</v>
      </c>
      <c r="Q205" s="11" t="s">
        <v>106</v>
      </c>
      <c r="R205" s="11" t="s">
        <v>107</v>
      </c>
      <c r="S205" s="11" t="s">
        <v>108</v>
      </c>
      <c r="T205" s="11" t="s">
        <v>102</v>
      </c>
      <c r="U205" s="11" t="s">
        <v>116</v>
      </c>
      <c r="V205" s="11" t="s">
        <v>383</v>
      </c>
      <c r="W205" s="11">
        <v>3</v>
      </c>
      <c r="X205" s="11" t="s">
        <v>139</v>
      </c>
      <c r="Y205" s="11" t="s">
        <v>184</v>
      </c>
      <c r="Z205" s="11" t="s">
        <v>102</v>
      </c>
      <c r="AA205" s="11" t="s">
        <v>113</v>
      </c>
      <c r="AB205" s="11" t="s">
        <v>353</v>
      </c>
    </row>
    <row r="206" spans="1:28">
      <c r="A206" s="11" t="s">
        <v>41</v>
      </c>
      <c r="B206" s="48">
        <v>44804</v>
      </c>
      <c r="C206" s="11" t="s">
        <v>384</v>
      </c>
      <c r="D206" s="11">
        <v>8</v>
      </c>
      <c r="E206" s="11">
        <v>2022</v>
      </c>
      <c r="F206" s="11" t="s">
        <v>44</v>
      </c>
      <c r="G206" s="11" t="s">
        <v>98</v>
      </c>
      <c r="H206" s="11" t="s">
        <v>192</v>
      </c>
      <c r="I206" s="11" t="s">
        <v>130</v>
      </c>
      <c r="J206" s="11" t="s">
        <v>193</v>
      </c>
      <c r="K206" s="11">
        <v>249271</v>
      </c>
      <c r="L206" s="11" t="s">
        <v>102</v>
      </c>
      <c r="M206" s="11" t="s">
        <v>102</v>
      </c>
      <c r="N206" s="11" t="s">
        <v>103</v>
      </c>
      <c r="O206" s="11" t="s">
        <v>132</v>
      </c>
      <c r="P206" s="11" t="s">
        <v>133</v>
      </c>
      <c r="Q206" s="11" t="s">
        <v>106</v>
      </c>
      <c r="R206" s="11" t="s">
        <v>107</v>
      </c>
      <c r="S206" s="11" t="s">
        <v>108</v>
      </c>
      <c r="T206" s="11" t="s">
        <v>102</v>
      </c>
      <c r="U206" s="11" t="s">
        <v>116</v>
      </c>
      <c r="V206" s="11" t="s">
        <v>385</v>
      </c>
      <c r="W206" s="11">
        <v>131</v>
      </c>
      <c r="X206" s="11" t="s">
        <v>195</v>
      </c>
      <c r="Y206" s="11" t="s">
        <v>136</v>
      </c>
      <c r="Z206" s="11" t="s">
        <v>102</v>
      </c>
      <c r="AA206" s="11" t="s">
        <v>102</v>
      </c>
      <c r="AB206" s="11" t="s">
        <v>192</v>
      </c>
    </row>
    <row r="207" spans="1:28">
      <c r="A207" s="11" t="s">
        <v>41</v>
      </c>
      <c r="B207" s="48">
        <v>44438</v>
      </c>
      <c r="C207" s="11" t="s">
        <v>278</v>
      </c>
      <c r="D207" s="11">
        <v>8</v>
      </c>
      <c r="E207" s="11">
        <v>2021</v>
      </c>
      <c r="F207" s="11" t="s">
        <v>44</v>
      </c>
      <c r="G207" s="11" t="s">
        <v>98</v>
      </c>
      <c r="H207" s="11" t="s">
        <v>386</v>
      </c>
      <c r="I207" s="11" t="s">
        <v>130</v>
      </c>
      <c r="J207" s="11" t="s">
        <v>101</v>
      </c>
      <c r="K207" s="11">
        <v>-6600</v>
      </c>
      <c r="L207" s="11" t="s">
        <v>102</v>
      </c>
      <c r="M207" s="11" t="s">
        <v>102</v>
      </c>
      <c r="N207" s="11" t="s">
        <v>103</v>
      </c>
      <c r="O207" s="11" t="s">
        <v>214</v>
      </c>
      <c r="P207" s="11" t="s">
        <v>200</v>
      </c>
      <c r="Q207" s="11" t="s">
        <v>106</v>
      </c>
      <c r="R207" s="11" t="s">
        <v>107</v>
      </c>
      <c r="S207" s="11" t="s">
        <v>108</v>
      </c>
      <c r="T207" s="11" t="s">
        <v>102</v>
      </c>
      <c r="U207" s="11" t="s">
        <v>116</v>
      </c>
      <c r="V207" s="11" t="s">
        <v>387</v>
      </c>
      <c r="W207" s="11">
        <v>3</v>
      </c>
      <c r="X207" s="11" t="s">
        <v>139</v>
      </c>
      <c r="Y207" s="11" t="s">
        <v>156</v>
      </c>
      <c r="Z207" s="11" t="s">
        <v>102</v>
      </c>
      <c r="AA207" s="11" t="s">
        <v>216</v>
      </c>
      <c r="AB207" s="11" t="s">
        <v>388</v>
      </c>
    </row>
    <row r="208" spans="1:28">
      <c r="A208" s="11" t="s">
        <v>41</v>
      </c>
      <c r="B208" s="48">
        <v>44804</v>
      </c>
      <c r="C208" s="11" t="s">
        <v>389</v>
      </c>
      <c r="D208" s="11">
        <v>8</v>
      </c>
      <c r="E208" s="11">
        <v>2022</v>
      </c>
      <c r="F208" s="11" t="s">
        <v>44</v>
      </c>
      <c r="G208" s="11" t="s">
        <v>98</v>
      </c>
      <c r="H208" s="11" t="s">
        <v>129</v>
      </c>
      <c r="I208" s="11" t="s">
        <v>130</v>
      </c>
      <c r="J208" s="11" t="s">
        <v>131</v>
      </c>
      <c r="K208" s="11">
        <v>-240119</v>
      </c>
      <c r="L208" s="11" t="s">
        <v>102</v>
      </c>
      <c r="M208" s="11" t="s">
        <v>102</v>
      </c>
      <c r="N208" s="11" t="s">
        <v>103</v>
      </c>
      <c r="O208" s="11" t="s">
        <v>132</v>
      </c>
      <c r="P208" s="11" t="s">
        <v>133</v>
      </c>
      <c r="Q208" s="11" t="s">
        <v>106</v>
      </c>
      <c r="R208" s="11" t="s">
        <v>107</v>
      </c>
      <c r="S208" s="11" t="s">
        <v>108</v>
      </c>
      <c r="T208" s="11" t="s">
        <v>102</v>
      </c>
      <c r="U208" s="11" t="s">
        <v>116</v>
      </c>
      <c r="V208" s="11" t="s">
        <v>390</v>
      </c>
      <c r="W208" s="11">
        <v>13</v>
      </c>
      <c r="X208" s="11" t="s">
        <v>135</v>
      </c>
      <c r="Y208" s="11" t="s">
        <v>136</v>
      </c>
      <c r="Z208" s="11" t="s">
        <v>102</v>
      </c>
      <c r="AA208" s="11" t="s">
        <v>102</v>
      </c>
      <c r="AB208" s="11" t="s">
        <v>129</v>
      </c>
    </row>
    <row r="209" spans="1:28">
      <c r="A209" s="11" t="s">
        <v>42</v>
      </c>
      <c r="B209" s="48">
        <v>44804</v>
      </c>
      <c r="C209" s="11" t="s">
        <v>45</v>
      </c>
      <c r="D209" s="11">
        <v>8</v>
      </c>
      <c r="E209" s="11">
        <v>2022</v>
      </c>
      <c r="F209" s="11" t="s">
        <v>44</v>
      </c>
      <c r="G209" s="11" t="s">
        <v>98</v>
      </c>
      <c r="H209" s="11" t="s">
        <v>244</v>
      </c>
      <c r="I209" s="11" t="s">
        <v>100</v>
      </c>
      <c r="J209" s="11" t="s">
        <v>101</v>
      </c>
      <c r="K209" s="11">
        <v>418845</v>
      </c>
      <c r="L209" s="11" t="s">
        <v>102</v>
      </c>
      <c r="M209" s="11" t="s">
        <v>102</v>
      </c>
      <c r="N209" s="11" t="s">
        <v>103</v>
      </c>
      <c r="O209" s="11" t="s">
        <v>143</v>
      </c>
      <c r="P209" s="11" t="s">
        <v>105</v>
      </c>
      <c r="Q209" s="11" t="s">
        <v>106</v>
      </c>
      <c r="R209" s="11" t="s">
        <v>107</v>
      </c>
      <c r="S209" s="11" t="s">
        <v>108</v>
      </c>
      <c r="T209" s="11" t="s">
        <v>102</v>
      </c>
      <c r="U209" s="11" t="s">
        <v>116</v>
      </c>
      <c r="V209" s="11" t="s">
        <v>286</v>
      </c>
      <c r="W209" s="11">
        <v>12</v>
      </c>
      <c r="X209" s="11" t="s">
        <v>139</v>
      </c>
      <c r="Y209" s="11" t="s">
        <v>184</v>
      </c>
      <c r="Z209" s="11" t="s">
        <v>102</v>
      </c>
      <c r="AA209" s="11" t="s">
        <v>113</v>
      </c>
      <c r="AB209" s="11" t="s">
        <v>347</v>
      </c>
    </row>
    <row r="210" spans="1:28">
      <c r="A210" s="11" t="s">
        <v>40</v>
      </c>
      <c r="B210" s="48">
        <v>44834</v>
      </c>
      <c r="C210" s="11" t="s">
        <v>45</v>
      </c>
      <c r="D210" s="11">
        <v>9</v>
      </c>
      <c r="E210" s="11">
        <v>2022</v>
      </c>
      <c r="F210" s="11" t="s">
        <v>44</v>
      </c>
      <c r="G210" s="11" t="s">
        <v>98</v>
      </c>
      <c r="H210" s="11" t="s">
        <v>244</v>
      </c>
      <c r="I210" s="11" t="s">
        <v>100</v>
      </c>
      <c r="J210" s="11" t="s">
        <v>101</v>
      </c>
      <c r="K210" s="11">
        <v>827136</v>
      </c>
      <c r="L210" s="11" t="s">
        <v>102</v>
      </c>
      <c r="M210" s="11" t="s">
        <v>102</v>
      </c>
      <c r="N210" s="11" t="s">
        <v>103</v>
      </c>
      <c r="O210" s="11" t="s">
        <v>104</v>
      </c>
      <c r="P210" s="11" t="s">
        <v>105</v>
      </c>
      <c r="Q210" s="11" t="s">
        <v>106</v>
      </c>
      <c r="R210" s="11" t="s">
        <v>107</v>
      </c>
      <c r="S210" s="11" t="s">
        <v>108</v>
      </c>
      <c r="T210" s="11" t="s">
        <v>102</v>
      </c>
      <c r="U210" s="11" t="s">
        <v>116</v>
      </c>
      <c r="V210" s="11" t="s">
        <v>287</v>
      </c>
      <c r="W210" s="11">
        <v>3</v>
      </c>
      <c r="X210" s="11" t="s">
        <v>139</v>
      </c>
      <c r="Y210" s="11" t="s">
        <v>184</v>
      </c>
      <c r="Z210" s="11" t="s">
        <v>102</v>
      </c>
      <c r="AA210" s="11" t="s">
        <v>113</v>
      </c>
      <c r="AB210" s="11" t="s">
        <v>337</v>
      </c>
    </row>
    <row r="211" spans="1:28">
      <c r="A211" s="11" t="s">
        <v>40</v>
      </c>
      <c r="B211" s="48">
        <v>44829</v>
      </c>
      <c r="C211" s="11" t="s">
        <v>391</v>
      </c>
      <c r="D211" s="11">
        <v>9</v>
      </c>
      <c r="E211" s="11">
        <v>2022</v>
      </c>
      <c r="F211" s="11" t="s">
        <v>44</v>
      </c>
      <c r="G211" s="11" t="s">
        <v>98</v>
      </c>
      <c r="H211" s="11" t="s">
        <v>392</v>
      </c>
      <c r="I211" s="11" t="s">
        <v>130</v>
      </c>
      <c r="J211" s="11" t="s">
        <v>101</v>
      </c>
      <c r="K211" s="11">
        <v>23.38</v>
      </c>
      <c r="L211" s="11" t="s">
        <v>102</v>
      </c>
      <c r="M211" s="11" t="s">
        <v>102</v>
      </c>
      <c r="N211" s="11" t="s">
        <v>103</v>
      </c>
      <c r="O211" s="11" t="s">
        <v>104</v>
      </c>
      <c r="P211" s="11" t="s">
        <v>105</v>
      </c>
      <c r="Q211" s="11" t="s">
        <v>106</v>
      </c>
      <c r="R211" s="11" t="s">
        <v>107</v>
      </c>
      <c r="S211" s="11" t="s">
        <v>108</v>
      </c>
      <c r="T211" s="11" t="s">
        <v>102</v>
      </c>
      <c r="U211" s="11" t="s">
        <v>116</v>
      </c>
      <c r="V211" s="11" t="s">
        <v>393</v>
      </c>
      <c r="W211" s="11">
        <v>6</v>
      </c>
      <c r="X211" s="11" t="s">
        <v>139</v>
      </c>
      <c r="Y211" s="11" t="s">
        <v>184</v>
      </c>
      <c r="Z211" s="11" t="s">
        <v>102</v>
      </c>
      <c r="AA211" s="11" t="s">
        <v>216</v>
      </c>
      <c r="AB211" s="11" t="s">
        <v>394</v>
      </c>
    </row>
    <row r="212" spans="1:28">
      <c r="A212" s="11" t="s">
        <v>41</v>
      </c>
      <c r="B212" s="48">
        <v>44834</v>
      </c>
      <c r="C212" s="11" t="s">
        <v>45</v>
      </c>
      <c r="D212" s="11">
        <v>9</v>
      </c>
      <c r="E212" s="11">
        <v>2022</v>
      </c>
      <c r="F212" s="11" t="s">
        <v>44</v>
      </c>
      <c r="G212" s="11" t="s">
        <v>98</v>
      </c>
      <c r="H212" s="11" t="s">
        <v>244</v>
      </c>
      <c r="I212" s="11" t="s">
        <v>100</v>
      </c>
      <c r="J212" s="11" t="s">
        <v>101</v>
      </c>
      <c r="K212" s="11">
        <v>30628</v>
      </c>
      <c r="L212" s="11" t="s">
        <v>102</v>
      </c>
      <c r="M212" s="11" t="s">
        <v>102</v>
      </c>
      <c r="N212" s="11" t="s">
        <v>103</v>
      </c>
      <c r="O212" s="11" t="s">
        <v>121</v>
      </c>
      <c r="P212" s="11" t="s">
        <v>105</v>
      </c>
      <c r="Q212" s="11" t="s">
        <v>106</v>
      </c>
      <c r="R212" s="11" t="s">
        <v>107</v>
      </c>
      <c r="S212" s="11" t="s">
        <v>108</v>
      </c>
      <c r="T212" s="11" t="s">
        <v>102</v>
      </c>
      <c r="U212" s="11" t="s">
        <v>116</v>
      </c>
      <c r="V212" s="11" t="s">
        <v>288</v>
      </c>
      <c r="W212" s="11">
        <v>8</v>
      </c>
      <c r="X212" s="11" t="s">
        <v>139</v>
      </c>
      <c r="Y212" s="11" t="s">
        <v>184</v>
      </c>
      <c r="Z212" s="11" t="s">
        <v>102</v>
      </c>
      <c r="AA212" s="11" t="s">
        <v>113</v>
      </c>
      <c r="AB212" s="11" t="s">
        <v>340</v>
      </c>
    </row>
    <row r="213" spans="1:28">
      <c r="A213" s="11" t="s">
        <v>41</v>
      </c>
      <c r="B213" s="48">
        <v>44819</v>
      </c>
      <c r="C213" s="11" t="s">
        <v>395</v>
      </c>
      <c r="D213" s="11">
        <v>9</v>
      </c>
      <c r="E213" s="11">
        <v>2022</v>
      </c>
      <c r="F213" s="11" t="s">
        <v>44</v>
      </c>
      <c r="G213" s="11" t="s">
        <v>98</v>
      </c>
      <c r="H213" s="11" t="s">
        <v>396</v>
      </c>
      <c r="I213" s="11" t="s">
        <v>130</v>
      </c>
      <c r="J213" s="11" t="s">
        <v>131</v>
      </c>
      <c r="K213" s="11">
        <v>126113</v>
      </c>
      <c r="L213" s="11" t="s">
        <v>102</v>
      </c>
      <c r="M213" s="11" t="s">
        <v>102</v>
      </c>
      <c r="N213" s="11" t="s">
        <v>103</v>
      </c>
      <c r="O213" s="11" t="s">
        <v>132</v>
      </c>
      <c r="P213" s="11" t="s">
        <v>133</v>
      </c>
      <c r="Q213" s="11" t="s">
        <v>106</v>
      </c>
      <c r="R213" s="11" t="s">
        <v>107</v>
      </c>
      <c r="S213" s="11" t="s">
        <v>397</v>
      </c>
      <c r="T213" s="11" t="s">
        <v>102</v>
      </c>
      <c r="U213" s="11" t="s">
        <v>116</v>
      </c>
      <c r="V213" s="11" t="s">
        <v>398</v>
      </c>
      <c r="W213" s="11">
        <v>3900</v>
      </c>
      <c r="X213" s="11" t="s">
        <v>111</v>
      </c>
      <c r="Y213" s="11" t="s">
        <v>399</v>
      </c>
      <c r="Z213" s="11" t="s">
        <v>102</v>
      </c>
      <c r="AA213" s="11" t="s">
        <v>216</v>
      </c>
      <c r="AB213" s="11" t="s">
        <v>400</v>
      </c>
    </row>
    <row r="214" spans="1:28">
      <c r="A214" s="11" t="s">
        <v>41</v>
      </c>
      <c r="B214" s="48">
        <v>44819</v>
      </c>
      <c r="C214" s="11" t="s">
        <v>395</v>
      </c>
      <c r="D214" s="11">
        <v>9</v>
      </c>
      <c r="E214" s="11">
        <v>2022</v>
      </c>
      <c r="F214" s="11" t="s">
        <v>44</v>
      </c>
      <c r="G214" s="11" t="s">
        <v>98</v>
      </c>
      <c r="H214" s="11" t="s">
        <v>396</v>
      </c>
      <c r="I214" s="11" t="s">
        <v>130</v>
      </c>
      <c r="J214" s="11" t="s">
        <v>131</v>
      </c>
      <c r="K214" s="11">
        <v>117431</v>
      </c>
      <c r="L214" s="11" t="s">
        <v>102</v>
      </c>
      <c r="M214" s="11" t="s">
        <v>102</v>
      </c>
      <c r="N214" s="11" t="s">
        <v>103</v>
      </c>
      <c r="O214" s="11" t="s">
        <v>132</v>
      </c>
      <c r="P214" s="11" t="s">
        <v>133</v>
      </c>
      <c r="Q214" s="11" t="s">
        <v>106</v>
      </c>
      <c r="R214" s="11" t="s">
        <v>107</v>
      </c>
      <c r="S214" s="11" t="s">
        <v>397</v>
      </c>
      <c r="T214" s="11" t="s">
        <v>102</v>
      </c>
      <c r="U214" s="11" t="s">
        <v>116</v>
      </c>
      <c r="V214" s="11" t="s">
        <v>398</v>
      </c>
      <c r="W214" s="11">
        <v>3901</v>
      </c>
      <c r="X214" s="11" t="s">
        <v>111</v>
      </c>
      <c r="Y214" s="11" t="s">
        <v>399</v>
      </c>
      <c r="Z214" s="11" t="s">
        <v>102</v>
      </c>
      <c r="AA214" s="11" t="s">
        <v>216</v>
      </c>
      <c r="AB214" s="11" t="s">
        <v>400</v>
      </c>
    </row>
    <row r="215" spans="1:28">
      <c r="A215" s="11" t="s">
        <v>41</v>
      </c>
      <c r="B215" s="48">
        <v>44819</v>
      </c>
      <c r="C215" s="11" t="s">
        <v>395</v>
      </c>
      <c r="D215" s="11">
        <v>9</v>
      </c>
      <c r="E215" s="11">
        <v>2022</v>
      </c>
      <c r="F215" s="11" t="s">
        <v>44</v>
      </c>
      <c r="G215" s="11" t="s">
        <v>98</v>
      </c>
      <c r="H215" s="11" t="s">
        <v>396</v>
      </c>
      <c r="I215" s="11" t="s">
        <v>130</v>
      </c>
      <c r="J215" s="11" t="s">
        <v>131</v>
      </c>
      <c r="K215" s="11">
        <v>3895.44</v>
      </c>
      <c r="L215" s="11" t="s">
        <v>102</v>
      </c>
      <c r="M215" s="11" t="s">
        <v>102</v>
      </c>
      <c r="N215" s="11" t="s">
        <v>103</v>
      </c>
      <c r="O215" s="11" t="s">
        <v>132</v>
      </c>
      <c r="P215" s="11" t="s">
        <v>105</v>
      </c>
      <c r="Q215" s="11" t="s">
        <v>106</v>
      </c>
      <c r="R215" s="11" t="s">
        <v>107</v>
      </c>
      <c r="S215" s="11" t="s">
        <v>397</v>
      </c>
      <c r="T215" s="11" t="s">
        <v>102</v>
      </c>
      <c r="U215" s="11" t="s">
        <v>116</v>
      </c>
      <c r="V215" s="11" t="s">
        <v>398</v>
      </c>
      <c r="W215" s="11">
        <v>3902</v>
      </c>
      <c r="X215" s="11" t="s">
        <v>111</v>
      </c>
      <c r="Y215" s="11" t="s">
        <v>399</v>
      </c>
      <c r="Z215" s="11" t="s">
        <v>102</v>
      </c>
      <c r="AA215" s="11" t="s">
        <v>216</v>
      </c>
      <c r="AB215" s="11" t="s">
        <v>400</v>
      </c>
    </row>
    <row r="216" spans="1:28">
      <c r="A216" s="11" t="s">
        <v>41</v>
      </c>
      <c r="B216" s="48">
        <v>44829</v>
      </c>
      <c r="C216" s="11" t="s">
        <v>137</v>
      </c>
      <c r="D216" s="11">
        <v>9</v>
      </c>
      <c r="E216" s="11">
        <v>2022</v>
      </c>
      <c r="F216" s="11" t="s">
        <v>44</v>
      </c>
      <c r="G216" s="11" t="s">
        <v>98</v>
      </c>
      <c r="H216" s="11" t="s">
        <v>401</v>
      </c>
      <c r="I216" s="11" t="s">
        <v>130</v>
      </c>
      <c r="J216" s="11" t="s">
        <v>101</v>
      </c>
      <c r="K216" s="11">
        <v>7790.87</v>
      </c>
      <c r="L216" s="11" t="s">
        <v>102</v>
      </c>
      <c r="M216" s="11" t="s">
        <v>102</v>
      </c>
      <c r="N216" s="11" t="s">
        <v>103</v>
      </c>
      <c r="O216" s="11" t="s">
        <v>132</v>
      </c>
      <c r="P216" s="11" t="s">
        <v>105</v>
      </c>
      <c r="Q216" s="11" t="s">
        <v>106</v>
      </c>
      <c r="R216" s="11" t="s">
        <v>107</v>
      </c>
      <c r="S216" s="11" t="s">
        <v>108</v>
      </c>
      <c r="T216" s="11" t="s">
        <v>102</v>
      </c>
      <c r="U216" s="11" t="s">
        <v>116</v>
      </c>
      <c r="V216" s="11" t="s">
        <v>402</v>
      </c>
      <c r="W216" s="11">
        <v>1</v>
      </c>
      <c r="X216" s="11" t="s">
        <v>139</v>
      </c>
      <c r="Y216" s="11" t="s">
        <v>184</v>
      </c>
      <c r="Z216" s="11" t="s">
        <v>102</v>
      </c>
      <c r="AA216" s="11" t="s">
        <v>216</v>
      </c>
      <c r="AB216" s="11" t="s">
        <v>343</v>
      </c>
    </row>
    <row r="217" spans="1:28">
      <c r="A217" s="11" t="s">
        <v>41</v>
      </c>
      <c r="B217" s="48">
        <v>44834</v>
      </c>
      <c r="C217" s="11" t="s">
        <v>137</v>
      </c>
      <c r="D217" s="11">
        <v>9</v>
      </c>
      <c r="E217" s="11">
        <v>2022</v>
      </c>
      <c r="F217" s="11" t="s">
        <v>44</v>
      </c>
      <c r="G217" s="11" t="s">
        <v>98</v>
      </c>
      <c r="H217" s="11" t="s">
        <v>99</v>
      </c>
      <c r="I217" s="11" t="s">
        <v>130</v>
      </c>
      <c r="J217" s="11" t="s">
        <v>101</v>
      </c>
      <c r="K217" s="11">
        <v>234862</v>
      </c>
      <c r="L217" s="11" t="s">
        <v>102</v>
      </c>
      <c r="M217" s="11" t="s">
        <v>102</v>
      </c>
      <c r="N217" s="11" t="s">
        <v>103</v>
      </c>
      <c r="O217" s="11" t="s">
        <v>132</v>
      </c>
      <c r="P217" s="11" t="s">
        <v>133</v>
      </c>
      <c r="Q217" s="11" t="s">
        <v>106</v>
      </c>
      <c r="R217" s="11" t="s">
        <v>107</v>
      </c>
      <c r="S217" s="11" t="s">
        <v>108</v>
      </c>
      <c r="T217" s="11" t="s">
        <v>102</v>
      </c>
      <c r="U217" s="11" t="s">
        <v>116</v>
      </c>
      <c r="V217" s="11" t="s">
        <v>403</v>
      </c>
      <c r="W217" s="11">
        <v>3</v>
      </c>
      <c r="X217" s="11" t="s">
        <v>139</v>
      </c>
      <c r="Y217" s="11" t="s">
        <v>184</v>
      </c>
      <c r="Z217" s="11" t="s">
        <v>102</v>
      </c>
      <c r="AA217" s="11" t="s">
        <v>113</v>
      </c>
      <c r="AB217" s="11" t="s">
        <v>353</v>
      </c>
    </row>
    <row r="218" spans="1:28">
      <c r="A218" s="11" t="s">
        <v>41</v>
      </c>
      <c r="B218" s="48">
        <v>44834</v>
      </c>
      <c r="C218" s="11" t="s">
        <v>404</v>
      </c>
      <c r="D218" s="11">
        <v>9</v>
      </c>
      <c r="E218" s="11">
        <v>2022</v>
      </c>
      <c r="F218" s="11" t="s">
        <v>44</v>
      </c>
      <c r="G218" s="11" t="s">
        <v>98</v>
      </c>
      <c r="H218" s="11" t="s">
        <v>192</v>
      </c>
      <c r="I218" s="11" t="s">
        <v>130</v>
      </c>
      <c r="J218" s="11" t="s">
        <v>358</v>
      </c>
      <c r="K218" s="11">
        <v>-234862</v>
      </c>
      <c r="L218" s="11" t="s">
        <v>102</v>
      </c>
      <c r="M218" s="11" t="s">
        <v>102</v>
      </c>
      <c r="N218" s="11" t="s">
        <v>103</v>
      </c>
      <c r="O218" s="11" t="s">
        <v>132</v>
      </c>
      <c r="P218" s="11" t="s">
        <v>133</v>
      </c>
      <c r="Q218" s="11" t="s">
        <v>106</v>
      </c>
      <c r="R218" s="11" t="s">
        <v>107</v>
      </c>
      <c r="S218" s="11" t="s">
        <v>108</v>
      </c>
      <c r="T218" s="11" t="s">
        <v>102</v>
      </c>
      <c r="U218" s="11" t="s">
        <v>116</v>
      </c>
      <c r="V218" s="11" t="s">
        <v>405</v>
      </c>
      <c r="W218" s="11">
        <v>129</v>
      </c>
      <c r="X218" s="11" t="s">
        <v>195</v>
      </c>
      <c r="Y218" s="11" t="s">
        <v>136</v>
      </c>
      <c r="Z218" s="11" t="s">
        <v>102</v>
      </c>
      <c r="AA218" s="11" t="s">
        <v>102</v>
      </c>
      <c r="AB218" s="11" t="s">
        <v>192</v>
      </c>
    </row>
    <row r="219" spans="1:28">
      <c r="A219" s="11" t="s">
        <v>41</v>
      </c>
      <c r="B219" s="48">
        <v>44834</v>
      </c>
      <c r="C219" s="11" t="s">
        <v>404</v>
      </c>
      <c r="D219" s="11">
        <v>9</v>
      </c>
      <c r="E219" s="11">
        <v>2022</v>
      </c>
      <c r="F219" s="11" t="s">
        <v>44</v>
      </c>
      <c r="G219" s="11" t="s">
        <v>98</v>
      </c>
      <c r="H219" s="11" t="s">
        <v>192</v>
      </c>
      <c r="I219" s="11" t="s">
        <v>130</v>
      </c>
      <c r="J219" s="11" t="s">
        <v>358</v>
      </c>
      <c r="K219" s="11">
        <v>-7790.87</v>
      </c>
      <c r="L219" s="11" t="s">
        <v>102</v>
      </c>
      <c r="M219" s="11" t="s">
        <v>102</v>
      </c>
      <c r="N219" s="11" t="s">
        <v>103</v>
      </c>
      <c r="O219" s="11" t="s">
        <v>132</v>
      </c>
      <c r="P219" s="11" t="s">
        <v>105</v>
      </c>
      <c r="Q219" s="11" t="s">
        <v>106</v>
      </c>
      <c r="R219" s="11" t="s">
        <v>107</v>
      </c>
      <c r="S219" s="11" t="s">
        <v>108</v>
      </c>
      <c r="T219" s="11" t="s">
        <v>102</v>
      </c>
      <c r="U219" s="11" t="s">
        <v>116</v>
      </c>
      <c r="V219" s="11" t="s">
        <v>405</v>
      </c>
      <c r="W219" s="11">
        <v>130</v>
      </c>
      <c r="X219" s="11" t="s">
        <v>195</v>
      </c>
      <c r="Y219" s="11" t="s">
        <v>136</v>
      </c>
      <c r="Z219" s="11" t="s">
        <v>102</v>
      </c>
      <c r="AA219" s="11" t="s">
        <v>102</v>
      </c>
      <c r="AB219" s="11" t="s">
        <v>192</v>
      </c>
    </row>
    <row r="220" spans="1:28">
      <c r="A220" s="11" t="s">
        <v>42</v>
      </c>
      <c r="B220" s="48">
        <v>44834</v>
      </c>
      <c r="C220" s="11" t="s">
        <v>45</v>
      </c>
      <c r="D220" s="11">
        <v>9</v>
      </c>
      <c r="E220" s="11">
        <v>2022</v>
      </c>
      <c r="F220" s="11" t="s">
        <v>44</v>
      </c>
      <c r="G220" s="11" t="s">
        <v>98</v>
      </c>
      <c r="H220" s="11" t="s">
        <v>244</v>
      </c>
      <c r="I220" s="11" t="s">
        <v>100</v>
      </c>
      <c r="J220" s="11" t="s">
        <v>101</v>
      </c>
      <c r="K220" s="11">
        <v>418845</v>
      </c>
      <c r="L220" s="11" t="s">
        <v>102</v>
      </c>
      <c r="M220" s="11" t="s">
        <v>102</v>
      </c>
      <c r="N220" s="11" t="s">
        <v>103</v>
      </c>
      <c r="O220" s="11" t="s">
        <v>143</v>
      </c>
      <c r="P220" s="11" t="s">
        <v>105</v>
      </c>
      <c r="Q220" s="11" t="s">
        <v>106</v>
      </c>
      <c r="R220" s="11" t="s">
        <v>107</v>
      </c>
      <c r="S220" s="11" t="s">
        <v>108</v>
      </c>
      <c r="T220" s="11" t="s">
        <v>102</v>
      </c>
      <c r="U220" s="11" t="s">
        <v>116</v>
      </c>
      <c r="V220" s="11" t="s">
        <v>289</v>
      </c>
      <c r="W220" s="11">
        <v>12</v>
      </c>
      <c r="X220" s="11" t="s">
        <v>139</v>
      </c>
      <c r="Y220" s="11" t="s">
        <v>184</v>
      </c>
      <c r="Z220" s="11" t="s">
        <v>102</v>
      </c>
      <c r="AA220" s="11" t="s">
        <v>113</v>
      </c>
      <c r="AB220" s="11" t="s">
        <v>347</v>
      </c>
    </row>
    <row r="221" spans="1:28">
      <c r="A221" s="11" t="s">
        <v>40</v>
      </c>
      <c r="B221" s="48">
        <v>44865</v>
      </c>
      <c r="C221" s="11" t="s">
        <v>45</v>
      </c>
      <c r="D221" s="11">
        <v>10</v>
      </c>
      <c r="E221" s="11">
        <v>2022</v>
      </c>
      <c r="F221" s="11" t="s">
        <v>44</v>
      </c>
      <c r="G221" s="11" t="s">
        <v>98</v>
      </c>
      <c r="H221" s="11" t="s">
        <v>244</v>
      </c>
      <c r="I221" s="11" t="s">
        <v>100</v>
      </c>
      <c r="J221" s="11" t="s">
        <v>101</v>
      </c>
      <c r="K221" s="11">
        <v>827136</v>
      </c>
      <c r="L221" s="11" t="s">
        <v>102</v>
      </c>
      <c r="M221" s="11" t="s">
        <v>102</v>
      </c>
      <c r="N221" s="11" t="s">
        <v>103</v>
      </c>
      <c r="O221" s="11" t="s">
        <v>104</v>
      </c>
      <c r="P221" s="11" t="s">
        <v>105</v>
      </c>
      <c r="Q221" s="11" t="s">
        <v>106</v>
      </c>
      <c r="R221" s="11" t="s">
        <v>107</v>
      </c>
      <c r="S221" s="11" t="s">
        <v>108</v>
      </c>
      <c r="T221" s="11" t="s">
        <v>102</v>
      </c>
      <c r="U221" s="11" t="s">
        <v>116</v>
      </c>
      <c r="V221" s="11" t="s">
        <v>290</v>
      </c>
      <c r="W221" s="11">
        <v>3</v>
      </c>
      <c r="X221" s="11" t="s">
        <v>139</v>
      </c>
      <c r="Y221" s="11" t="s">
        <v>184</v>
      </c>
      <c r="Z221" s="11" t="s">
        <v>102</v>
      </c>
      <c r="AA221" s="11" t="s">
        <v>113</v>
      </c>
      <c r="AB221" s="11" t="s">
        <v>337</v>
      </c>
    </row>
    <row r="222" spans="1:28">
      <c r="A222" s="11" t="s">
        <v>41</v>
      </c>
      <c r="B222" s="48">
        <v>44865</v>
      </c>
      <c r="C222" s="11" t="s">
        <v>406</v>
      </c>
      <c r="D222" s="11">
        <v>10</v>
      </c>
      <c r="E222" s="11">
        <v>2022</v>
      </c>
      <c r="F222" s="11" t="s">
        <v>44</v>
      </c>
      <c r="G222" s="11" t="s">
        <v>98</v>
      </c>
      <c r="H222" s="11" t="s">
        <v>192</v>
      </c>
      <c r="I222" s="11" t="s">
        <v>130</v>
      </c>
      <c r="J222" s="11" t="s">
        <v>358</v>
      </c>
      <c r="K222" s="11">
        <v>-234862</v>
      </c>
      <c r="L222" s="11" t="s">
        <v>102</v>
      </c>
      <c r="M222" s="11" t="s">
        <v>102</v>
      </c>
      <c r="N222" s="11" t="s">
        <v>103</v>
      </c>
      <c r="O222" s="11" t="s">
        <v>132</v>
      </c>
      <c r="P222" s="11" t="s">
        <v>133</v>
      </c>
      <c r="Q222" s="11" t="s">
        <v>106</v>
      </c>
      <c r="R222" s="11" t="s">
        <v>107</v>
      </c>
      <c r="S222" s="11" t="s">
        <v>108</v>
      </c>
      <c r="T222" s="11" t="s">
        <v>102</v>
      </c>
      <c r="U222" s="11" t="s">
        <v>116</v>
      </c>
      <c r="V222" s="11" t="s">
        <v>407</v>
      </c>
      <c r="W222" s="11">
        <v>109</v>
      </c>
      <c r="X222" s="11" t="s">
        <v>195</v>
      </c>
      <c r="Y222" s="11" t="s">
        <v>136</v>
      </c>
      <c r="Z222" s="11" t="s">
        <v>102</v>
      </c>
      <c r="AA222" s="11" t="s">
        <v>102</v>
      </c>
      <c r="AB222" s="11" t="s">
        <v>192</v>
      </c>
    </row>
    <row r="223" spans="1:28">
      <c r="A223" s="11" t="s">
        <v>41</v>
      </c>
      <c r="B223" s="48">
        <v>44865</v>
      </c>
      <c r="C223" s="11" t="s">
        <v>45</v>
      </c>
      <c r="D223" s="11">
        <v>10</v>
      </c>
      <c r="E223" s="11">
        <v>2022</v>
      </c>
      <c r="F223" s="11" t="s">
        <v>44</v>
      </c>
      <c r="G223" s="11" t="s">
        <v>98</v>
      </c>
      <c r="H223" s="11" t="s">
        <v>244</v>
      </c>
      <c r="I223" s="11" t="s">
        <v>100</v>
      </c>
      <c r="J223" s="11" t="s">
        <v>101</v>
      </c>
      <c r="K223" s="11">
        <v>30628</v>
      </c>
      <c r="L223" s="11" t="s">
        <v>102</v>
      </c>
      <c r="M223" s="11" t="s">
        <v>102</v>
      </c>
      <c r="N223" s="11" t="s">
        <v>103</v>
      </c>
      <c r="O223" s="11" t="s">
        <v>121</v>
      </c>
      <c r="P223" s="11" t="s">
        <v>105</v>
      </c>
      <c r="Q223" s="11" t="s">
        <v>106</v>
      </c>
      <c r="R223" s="11" t="s">
        <v>107</v>
      </c>
      <c r="S223" s="11" t="s">
        <v>108</v>
      </c>
      <c r="T223" s="11" t="s">
        <v>102</v>
      </c>
      <c r="U223" s="11" t="s">
        <v>116</v>
      </c>
      <c r="V223" s="11" t="s">
        <v>291</v>
      </c>
      <c r="W223" s="11">
        <v>8</v>
      </c>
      <c r="X223" s="11" t="s">
        <v>139</v>
      </c>
      <c r="Y223" s="11" t="s">
        <v>184</v>
      </c>
      <c r="Z223" s="11" t="s">
        <v>102</v>
      </c>
      <c r="AA223" s="11" t="s">
        <v>113</v>
      </c>
      <c r="AB223" s="11" t="s">
        <v>340</v>
      </c>
    </row>
    <row r="224" spans="1:28">
      <c r="A224" s="11" t="s">
        <v>41</v>
      </c>
      <c r="B224" s="48">
        <v>44849</v>
      </c>
      <c r="C224" s="11" t="s">
        <v>395</v>
      </c>
      <c r="D224" s="11">
        <v>10</v>
      </c>
      <c r="E224" s="11">
        <v>2022</v>
      </c>
      <c r="F224" s="11" t="s">
        <v>44</v>
      </c>
      <c r="G224" s="11" t="s">
        <v>98</v>
      </c>
      <c r="H224" s="11" t="s">
        <v>396</v>
      </c>
      <c r="I224" s="11" t="s">
        <v>130</v>
      </c>
      <c r="J224" s="11" t="s">
        <v>131</v>
      </c>
      <c r="K224" s="11">
        <v>126113</v>
      </c>
      <c r="L224" s="11" t="s">
        <v>408</v>
      </c>
      <c r="M224" s="11" t="s">
        <v>102</v>
      </c>
      <c r="N224" s="11" t="s">
        <v>103</v>
      </c>
      <c r="O224" s="11" t="s">
        <v>132</v>
      </c>
      <c r="P224" s="11" t="s">
        <v>133</v>
      </c>
      <c r="Q224" s="11" t="s">
        <v>106</v>
      </c>
      <c r="R224" s="11" t="s">
        <v>107</v>
      </c>
      <c r="S224" s="11" t="s">
        <v>397</v>
      </c>
      <c r="T224" s="11" t="s">
        <v>102</v>
      </c>
      <c r="U224" s="11" t="s">
        <v>116</v>
      </c>
      <c r="V224" s="11" t="s">
        <v>409</v>
      </c>
      <c r="W224" s="11">
        <v>3722</v>
      </c>
      <c r="X224" s="11" t="s">
        <v>111</v>
      </c>
      <c r="Y224" s="11" t="s">
        <v>410</v>
      </c>
      <c r="Z224" s="11" t="s">
        <v>102</v>
      </c>
      <c r="AA224" s="11" t="s">
        <v>113</v>
      </c>
      <c r="AB224" s="11" t="s">
        <v>400</v>
      </c>
    </row>
    <row r="225" spans="1:28">
      <c r="A225" s="11" t="s">
        <v>41</v>
      </c>
      <c r="B225" s="48">
        <v>44849</v>
      </c>
      <c r="C225" s="11" t="s">
        <v>395</v>
      </c>
      <c r="D225" s="11">
        <v>10</v>
      </c>
      <c r="E225" s="11">
        <v>2022</v>
      </c>
      <c r="F225" s="11" t="s">
        <v>44</v>
      </c>
      <c r="G225" s="11" t="s">
        <v>98</v>
      </c>
      <c r="H225" s="11" t="s">
        <v>396</v>
      </c>
      <c r="I225" s="11" t="s">
        <v>130</v>
      </c>
      <c r="J225" s="11" t="s">
        <v>131</v>
      </c>
      <c r="K225" s="11">
        <v>117431</v>
      </c>
      <c r="L225" s="11" t="s">
        <v>408</v>
      </c>
      <c r="M225" s="11" t="s">
        <v>102</v>
      </c>
      <c r="N225" s="11" t="s">
        <v>103</v>
      </c>
      <c r="O225" s="11" t="s">
        <v>132</v>
      </c>
      <c r="P225" s="11" t="s">
        <v>133</v>
      </c>
      <c r="Q225" s="11" t="s">
        <v>106</v>
      </c>
      <c r="R225" s="11" t="s">
        <v>107</v>
      </c>
      <c r="S225" s="11" t="s">
        <v>397</v>
      </c>
      <c r="T225" s="11" t="s">
        <v>102</v>
      </c>
      <c r="U225" s="11" t="s">
        <v>116</v>
      </c>
      <c r="V225" s="11" t="s">
        <v>409</v>
      </c>
      <c r="W225" s="11">
        <v>3723</v>
      </c>
      <c r="X225" s="11" t="s">
        <v>111</v>
      </c>
      <c r="Y225" s="11" t="s">
        <v>410</v>
      </c>
      <c r="Z225" s="11" t="s">
        <v>102</v>
      </c>
      <c r="AA225" s="11" t="s">
        <v>113</v>
      </c>
      <c r="AB225" s="11" t="s">
        <v>400</v>
      </c>
    </row>
    <row r="226" spans="1:28">
      <c r="A226" s="11" t="s">
        <v>41</v>
      </c>
      <c r="B226" s="48">
        <v>44865</v>
      </c>
      <c r="C226" s="11" t="s">
        <v>137</v>
      </c>
      <c r="D226" s="11">
        <v>10</v>
      </c>
      <c r="E226" s="11">
        <v>2022</v>
      </c>
      <c r="F226" s="11" t="s">
        <v>44</v>
      </c>
      <c r="G226" s="11" t="s">
        <v>98</v>
      </c>
      <c r="H226" s="11" t="s">
        <v>99</v>
      </c>
      <c r="I226" s="11" t="s">
        <v>130</v>
      </c>
      <c r="J226" s="11" t="s">
        <v>101</v>
      </c>
      <c r="K226" s="11">
        <v>234862</v>
      </c>
      <c r="L226" s="11" t="s">
        <v>102</v>
      </c>
      <c r="M226" s="11" t="s">
        <v>102</v>
      </c>
      <c r="N226" s="11" t="s">
        <v>103</v>
      </c>
      <c r="O226" s="11" t="s">
        <v>132</v>
      </c>
      <c r="P226" s="11" t="s">
        <v>133</v>
      </c>
      <c r="Q226" s="11" t="s">
        <v>106</v>
      </c>
      <c r="R226" s="11" t="s">
        <v>107</v>
      </c>
      <c r="S226" s="11" t="s">
        <v>108</v>
      </c>
      <c r="T226" s="11" t="s">
        <v>102</v>
      </c>
      <c r="U226" s="11" t="s">
        <v>116</v>
      </c>
      <c r="V226" s="11" t="s">
        <v>411</v>
      </c>
      <c r="W226" s="11">
        <v>3</v>
      </c>
      <c r="X226" s="11" t="s">
        <v>139</v>
      </c>
      <c r="Y226" s="11" t="s">
        <v>184</v>
      </c>
      <c r="Z226" s="11" t="s">
        <v>102</v>
      </c>
      <c r="AA226" s="11" t="s">
        <v>113</v>
      </c>
      <c r="AB226" s="11" t="s">
        <v>353</v>
      </c>
    </row>
    <row r="227" spans="1:28">
      <c r="A227" s="11" t="s">
        <v>42</v>
      </c>
      <c r="B227" s="48">
        <v>44865</v>
      </c>
      <c r="C227" s="11" t="s">
        <v>45</v>
      </c>
      <c r="D227" s="11">
        <v>10</v>
      </c>
      <c r="E227" s="11">
        <v>2022</v>
      </c>
      <c r="F227" s="11" t="s">
        <v>44</v>
      </c>
      <c r="G227" s="11" t="s">
        <v>98</v>
      </c>
      <c r="H227" s="11" t="s">
        <v>244</v>
      </c>
      <c r="I227" s="11" t="s">
        <v>100</v>
      </c>
      <c r="J227" s="11" t="s">
        <v>101</v>
      </c>
      <c r="K227" s="11">
        <v>418845</v>
      </c>
      <c r="L227" s="11" t="s">
        <v>102</v>
      </c>
      <c r="M227" s="11" t="s">
        <v>102</v>
      </c>
      <c r="N227" s="11" t="s">
        <v>103</v>
      </c>
      <c r="O227" s="11" t="s">
        <v>143</v>
      </c>
      <c r="P227" s="11" t="s">
        <v>105</v>
      </c>
      <c r="Q227" s="11" t="s">
        <v>106</v>
      </c>
      <c r="R227" s="11" t="s">
        <v>107</v>
      </c>
      <c r="S227" s="11" t="s">
        <v>108</v>
      </c>
      <c r="T227" s="11" t="s">
        <v>102</v>
      </c>
      <c r="U227" s="11" t="s">
        <v>116</v>
      </c>
      <c r="V227" s="11" t="s">
        <v>292</v>
      </c>
      <c r="W227" s="11">
        <v>12</v>
      </c>
      <c r="X227" s="11" t="s">
        <v>139</v>
      </c>
      <c r="Y227" s="11" t="s">
        <v>184</v>
      </c>
      <c r="Z227" s="11" t="s">
        <v>102</v>
      </c>
      <c r="AA227" s="11" t="s">
        <v>113</v>
      </c>
      <c r="AB227" s="11" t="s">
        <v>347</v>
      </c>
    </row>
    <row r="228" spans="1:28">
      <c r="A228" s="11" t="s">
        <v>40</v>
      </c>
      <c r="B228" s="48">
        <v>44895</v>
      </c>
      <c r="C228" s="11" t="s">
        <v>45</v>
      </c>
      <c r="D228" s="11">
        <v>11</v>
      </c>
      <c r="E228" s="11">
        <v>2022</v>
      </c>
      <c r="F228" s="11" t="s">
        <v>44</v>
      </c>
      <c r="G228" s="11" t="s">
        <v>98</v>
      </c>
      <c r="H228" s="11" t="s">
        <v>244</v>
      </c>
      <c r="I228" s="11" t="s">
        <v>100</v>
      </c>
      <c r="J228" s="11" t="s">
        <v>101</v>
      </c>
      <c r="K228" s="11">
        <v>827136</v>
      </c>
      <c r="L228" s="11" t="s">
        <v>102</v>
      </c>
      <c r="M228" s="11" t="s">
        <v>102</v>
      </c>
      <c r="N228" s="11" t="s">
        <v>103</v>
      </c>
      <c r="O228" s="11" t="s">
        <v>104</v>
      </c>
      <c r="P228" s="11" t="s">
        <v>105</v>
      </c>
      <c r="Q228" s="11" t="s">
        <v>106</v>
      </c>
      <c r="R228" s="11" t="s">
        <v>107</v>
      </c>
      <c r="S228" s="11" t="s">
        <v>108</v>
      </c>
      <c r="T228" s="11" t="s">
        <v>102</v>
      </c>
      <c r="U228" s="11" t="s">
        <v>116</v>
      </c>
      <c r="V228" s="11" t="s">
        <v>293</v>
      </c>
      <c r="W228" s="11">
        <v>3</v>
      </c>
      <c r="X228" s="11" t="s">
        <v>139</v>
      </c>
      <c r="Y228" s="11" t="s">
        <v>184</v>
      </c>
      <c r="Z228" s="11" t="s">
        <v>102</v>
      </c>
      <c r="AA228" s="11" t="s">
        <v>113</v>
      </c>
      <c r="AB228" s="11" t="s">
        <v>337</v>
      </c>
    </row>
    <row r="229" spans="1:28">
      <c r="A229" s="11" t="s">
        <v>41</v>
      </c>
      <c r="B229" s="48">
        <v>44895</v>
      </c>
      <c r="C229" s="11" t="s">
        <v>45</v>
      </c>
      <c r="D229" s="11">
        <v>11</v>
      </c>
      <c r="E229" s="11">
        <v>2022</v>
      </c>
      <c r="F229" s="11" t="s">
        <v>44</v>
      </c>
      <c r="G229" s="11" t="s">
        <v>98</v>
      </c>
      <c r="H229" s="11" t="s">
        <v>244</v>
      </c>
      <c r="I229" s="11" t="s">
        <v>100</v>
      </c>
      <c r="J229" s="11" t="s">
        <v>101</v>
      </c>
      <c r="K229" s="11">
        <v>30628</v>
      </c>
      <c r="L229" s="11" t="s">
        <v>102</v>
      </c>
      <c r="M229" s="11" t="s">
        <v>102</v>
      </c>
      <c r="N229" s="11" t="s">
        <v>103</v>
      </c>
      <c r="O229" s="11" t="s">
        <v>121</v>
      </c>
      <c r="P229" s="11" t="s">
        <v>105</v>
      </c>
      <c r="Q229" s="11" t="s">
        <v>106</v>
      </c>
      <c r="R229" s="11" t="s">
        <v>107</v>
      </c>
      <c r="S229" s="11" t="s">
        <v>108</v>
      </c>
      <c r="T229" s="11" t="s">
        <v>102</v>
      </c>
      <c r="U229" s="11" t="s">
        <v>116</v>
      </c>
      <c r="V229" s="11" t="s">
        <v>294</v>
      </c>
      <c r="W229" s="11">
        <v>8</v>
      </c>
      <c r="X229" s="11" t="s">
        <v>139</v>
      </c>
      <c r="Y229" s="11" t="s">
        <v>184</v>
      </c>
      <c r="Z229" s="11" t="s">
        <v>102</v>
      </c>
      <c r="AA229" s="11" t="s">
        <v>113</v>
      </c>
      <c r="AB229" s="11" t="s">
        <v>340</v>
      </c>
    </row>
    <row r="230" spans="1:28">
      <c r="A230" s="11" t="s">
        <v>41</v>
      </c>
      <c r="B230" s="48">
        <v>44895</v>
      </c>
      <c r="C230" s="11" t="s">
        <v>412</v>
      </c>
      <c r="D230" s="11">
        <v>11</v>
      </c>
      <c r="E230" s="11">
        <v>2022</v>
      </c>
      <c r="F230" s="11" t="s">
        <v>44</v>
      </c>
      <c r="G230" s="11" t="s">
        <v>98</v>
      </c>
      <c r="H230" s="11" t="s">
        <v>192</v>
      </c>
      <c r="I230" s="11" t="s">
        <v>130</v>
      </c>
      <c r="J230" s="11" t="s">
        <v>358</v>
      </c>
      <c r="K230" s="11">
        <v>-234862</v>
      </c>
      <c r="L230" s="11" t="s">
        <v>102</v>
      </c>
      <c r="M230" s="11" t="s">
        <v>102</v>
      </c>
      <c r="N230" s="11" t="s">
        <v>103</v>
      </c>
      <c r="O230" s="11" t="s">
        <v>132</v>
      </c>
      <c r="P230" s="11" t="s">
        <v>133</v>
      </c>
      <c r="Q230" s="11" t="s">
        <v>106</v>
      </c>
      <c r="R230" s="11" t="s">
        <v>107</v>
      </c>
      <c r="S230" s="11" t="s">
        <v>108</v>
      </c>
      <c r="T230" s="11" t="s">
        <v>102</v>
      </c>
      <c r="U230" s="11" t="s">
        <v>116</v>
      </c>
      <c r="V230" s="11" t="s">
        <v>413</v>
      </c>
      <c r="W230" s="11">
        <v>109</v>
      </c>
      <c r="X230" s="11" t="s">
        <v>195</v>
      </c>
      <c r="Y230" s="11" t="s">
        <v>136</v>
      </c>
      <c r="Z230" s="11" t="s">
        <v>102</v>
      </c>
      <c r="AA230" s="11" t="s">
        <v>102</v>
      </c>
      <c r="AB230" s="11" t="s">
        <v>192</v>
      </c>
    </row>
    <row r="231" spans="1:28">
      <c r="A231" s="11" t="s">
        <v>41</v>
      </c>
      <c r="B231" s="48">
        <v>44890</v>
      </c>
      <c r="C231" s="11" t="s">
        <v>395</v>
      </c>
      <c r="D231" s="11">
        <v>11</v>
      </c>
      <c r="E231" s="11">
        <v>2022</v>
      </c>
      <c r="F231" s="11" t="s">
        <v>44</v>
      </c>
      <c r="G231" s="11" t="s">
        <v>98</v>
      </c>
      <c r="H231" s="11" t="s">
        <v>396</v>
      </c>
      <c r="I231" s="11" t="s">
        <v>130</v>
      </c>
      <c r="J231" s="11" t="s">
        <v>131</v>
      </c>
      <c r="K231" s="11">
        <v>117431</v>
      </c>
      <c r="L231" s="11" t="s">
        <v>102</v>
      </c>
      <c r="M231" s="11" t="s">
        <v>102</v>
      </c>
      <c r="N231" s="11" t="s">
        <v>103</v>
      </c>
      <c r="O231" s="11" t="s">
        <v>132</v>
      </c>
      <c r="P231" s="11" t="s">
        <v>133</v>
      </c>
      <c r="Q231" s="11" t="s">
        <v>106</v>
      </c>
      <c r="R231" s="11" t="s">
        <v>107</v>
      </c>
      <c r="S231" s="11" t="s">
        <v>397</v>
      </c>
      <c r="T231" s="11" t="s">
        <v>102</v>
      </c>
      <c r="U231" s="11" t="s">
        <v>116</v>
      </c>
      <c r="V231" s="11" t="s">
        <v>414</v>
      </c>
      <c r="W231" s="11">
        <v>4001</v>
      </c>
      <c r="X231" s="11" t="s">
        <v>111</v>
      </c>
      <c r="Y231" s="11" t="s">
        <v>415</v>
      </c>
      <c r="Z231" s="11" t="s">
        <v>102</v>
      </c>
      <c r="AA231" s="11" t="s">
        <v>113</v>
      </c>
      <c r="AB231" s="11" t="s">
        <v>98</v>
      </c>
    </row>
    <row r="232" spans="1:28">
      <c r="A232" s="11" t="s">
        <v>41</v>
      </c>
      <c r="B232" s="48">
        <v>44895</v>
      </c>
      <c r="C232" s="11" t="s">
        <v>137</v>
      </c>
      <c r="D232" s="11">
        <v>11</v>
      </c>
      <c r="E232" s="11">
        <v>2022</v>
      </c>
      <c r="F232" s="11" t="s">
        <v>44</v>
      </c>
      <c r="G232" s="11" t="s">
        <v>98</v>
      </c>
      <c r="H232" s="11" t="s">
        <v>99</v>
      </c>
      <c r="I232" s="11" t="s">
        <v>130</v>
      </c>
      <c r="J232" s="11" t="s">
        <v>101</v>
      </c>
      <c r="K232" s="11">
        <v>234862</v>
      </c>
      <c r="L232" s="11" t="s">
        <v>102</v>
      </c>
      <c r="M232" s="11" t="s">
        <v>102</v>
      </c>
      <c r="N232" s="11" t="s">
        <v>103</v>
      </c>
      <c r="O232" s="11" t="s">
        <v>132</v>
      </c>
      <c r="P232" s="11" t="s">
        <v>133</v>
      </c>
      <c r="Q232" s="11" t="s">
        <v>106</v>
      </c>
      <c r="R232" s="11" t="s">
        <v>107</v>
      </c>
      <c r="S232" s="11" t="s">
        <v>108</v>
      </c>
      <c r="T232" s="11" t="s">
        <v>102</v>
      </c>
      <c r="U232" s="11" t="s">
        <v>116</v>
      </c>
      <c r="V232" s="11" t="s">
        <v>416</v>
      </c>
      <c r="W232" s="11">
        <v>3</v>
      </c>
      <c r="X232" s="11" t="s">
        <v>139</v>
      </c>
      <c r="Y232" s="11" t="s">
        <v>156</v>
      </c>
      <c r="Z232" s="11" t="s">
        <v>102</v>
      </c>
      <c r="AA232" s="11" t="s">
        <v>113</v>
      </c>
      <c r="AB232" s="11" t="s">
        <v>353</v>
      </c>
    </row>
    <row r="233" spans="1:28">
      <c r="A233" s="11" t="s">
        <v>41</v>
      </c>
      <c r="B233" s="48">
        <v>44890</v>
      </c>
      <c r="C233" s="11" t="s">
        <v>395</v>
      </c>
      <c r="D233" s="11">
        <v>11</v>
      </c>
      <c r="E233" s="11">
        <v>2022</v>
      </c>
      <c r="F233" s="11" t="s">
        <v>44</v>
      </c>
      <c r="G233" s="11" t="s">
        <v>98</v>
      </c>
      <c r="H233" s="11" t="s">
        <v>396</v>
      </c>
      <c r="I233" s="11" t="s">
        <v>130</v>
      </c>
      <c r="J233" s="11" t="s">
        <v>131</v>
      </c>
      <c r="K233" s="11">
        <v>126113</v>
      </c>
      <c r="L233" s="11" t="s">
        <v>102</v>
      </c>
      <c r="M233" s="11" t="s">
        <v>102</v>
      </c>
      <c r="N233" s="11" t="s">
        <v>103</v>
      </c>
      <c r="O233" s="11" t="s">
        <v>132</v>
      </c>
      <c r="P233" s="11" t="s">
        <v>133</v>
      </c>
      <c r="Q233" s="11" t="s">
        <v>106</v>
      </c>
      <c r="R233" s="11" t="s">
        <v>107</v>
      </c>
      <c r="S233" s="11" t="s">
        <v>397</v>
      </c>
      <c r="T233" s="11" t="s">
        <v>102</v>
      </c>
      <c r="U233" s="11" t="s">
        <v>116</v>
      </c>
      <c r="V233" s="11" t="s">
        <v>414</v>
      </c>
      <c r="W233" s="11">
        <v>4000</v>
      </c>
      <c r="X233" s="11" t="s">
        <v>111</v>
      </c>
      <c r="Y233" s="11" t="s">
        <v>415</v>
      </c>
      <c r="Z233" s="11" t="s">
        <v>102</v>
      </c>
      <c r="AA233" s="11" t="s">
        <v>113</v>
      </c>
      <c r="AB233" s="11" t="s">
        <v>98</v>
      </c>
    </row>
    <row r="234" spans="1:28">
      <c r="A234" s="11" t="s">
        <v>42</v>
      </c>
      <c r="B234" s="48">
        <v>44895</v>
      </c>
      <c r="C234" s="11" t="s">
        <v>45</v>
      </c>
      <c r="D234" s="11">
        <v>11</v>
      </c>
      <c r="E234" s="11">
        <v>2022</v>
      </c>
      <c r="F234" s="11" t="s">
        <v>44</v>
      </c>
      <c r="G234" s="11" t="s">
        <v>98</v>
      </c>
      <c r="H234" s="11" t="s">
        <v>244</v>
      </c>
      <c r="I234" s="11" t="s">
        <v>100</v>
      </c>
      <c r="J234" s="11" t="s">
        <v>101</v>
      </c>
      <c r="K234" s="11">
        <v>418845</v>
      </c>
      <c r="L234" s="11" t="s">
        <v>102</v>
      </c>
      <c r="M234" s="11" t="s">
        <v>102</v>
      </c>
      <c r="N234" s="11" t="s">
        <v>103</v>
      </c>
      <c r="O234" s="11" t="s">
        <v>143</v>
      </c>
      <c r="P234" s="11" t="s">
        <v>105</v>
      </c>
      <c r="Q234" s="11" t="s">
        <v>106</v>
      </c>
      <c r="R234" s="11" t="s">
        <v>107</v>
      </c>
      <c r="S234" s="11" t="s">
        <v>108</v>
      </c>
      <c r="T234" s="11" t="s">
        <v>102</v>
      </c>
      <c r="U234" s="11" t="s">
        <v>116</v>
      </c>
      <c r="V234" s="11" t="s">
        <v>295</v>
      </c>
      <c r="W234" s="11">
        <v>12</v>
      </c>
      <c r="X234" s="11" t="s">
        <v>139</v>
      </c>
      <c r="Y234" s="11" t="s">
        <v>184</v>
      </c>
      <c r="Z234" s="11" t="s">
        <v>102</v>
      </c>
      <c r="AA234" s="11" t="s">
        <v>113</v>
      </c>
      <c r="AB234" s="11" t="s">
        <v>347</v>
      </c>
    </row>
    <row r="235" spans="1:28">
      <c r="A235" s="11" t="s">
        <v>40</v>
      </c>
      <c r="B235" s="48">
        <v>44925</v>
      </c>
      <c r="C235" s="11" t="s">
        <v>45</v>
      </c>
      <c r="D235" s="11">
        <v>12</v>
      </c>
      <c r="E235" s="11">
        <v>2022</v>
      </c>
      <c r="F235" s="11" t="s">
        <v>44</v>
      </c>
      <c r="G235" s="11" t="s">
        <v>98</v>
      </c>
      <c r="H235" s="11" t="s">
        <v>244</v>
      </c>
      <c r="I235" s="11" t="s">
        <v>100</v>
      </c>
      <c r="J235" s="11" t="s">
        <v>101</v>
      </c>
      <c r="K235" s="11">
        <v>827126.88</v>
      </c>
      <c r="L235" s="11" t="s">
        <v>102</v>
      </c>
      <c r="M235" s="11" t="s">
        <v>102</v>
      </c>
      <c r="N235" s="11" t="s">
        <v>103</v>
      </c>
      <c r="O235" s="11" t="s">
        <v>104</v>
      </c>
      <c r="P235" s="11" t="s">
        <v>105</v>
      </c>
      <c r="Q235" s="11" t="s">
        <v>106</v>
      </c>
      <c r="R235" s="11" t="s">
        <v>107</v>
      </c>
      <c r="S235" s="11" t="s">
        <v>108</v>
      </c>
      <c r="T235" s="11" t="s">
        <v>102</v>
      </c>
      <c r="U235" s="11" t="s">
        <v>116</v>
      </c>
      <c r="V235" s="11" t="s">
        <v>296</v>
      </c>
      <c r="W235" s="11">
        <v>3</v>
      </c>
      <c r="X235" s="11" t="s">
        <v>139</v>
      </c>
      <c r="Y235" s="11" t="s">
        <v>184</v>
      </c>
      <c r="Z235" s="11" t="s">
        <v>102</v>
      </c>
      <c r="AA235" s="11" t="s">
        <v>113</v>
      </c>
      <c r="AB235" s="11" t="s">
        <v>337</v>
      </c>
    </row>
    <row r="236" spans="1:28">
      <c r="A236" s="11" t="s">
        <v>41</v>
      </c>
      <c r="B236" s="48">
        <v>44925</v>
      </c>
      <c r="C236" s="11" t="s">
        <v>45</v>
      </c>
      <c r="D236" s="11">
        <v>12</v>
      </c>
      <c r="E236" s="11">
        <v>2022</v>
      </c>
      <c r="F236" s="11" t="s">
        <v>44</v>
      </c>
      <c r="G236" s="11" t="s">
        <v>98</v>
      </c>
      <c r="H236" s="11" t="s">
        <v>244</v>
      </c>
      <c r="I236" s="11" t="s">
        <v>100</v>
      </c>
      <c r="J236" s="11" t="s">
        <v>101</v>
      </c>
      <c r="K236" s="11">
        <v>30629</v>
      </c>
      <c r="L236" s="11" t="s">
        <v>102</v>
      </c>
      <c r="M236" s="11" t="s">
        <v>102</v>
      </c>
      <c r="N236" s="11" t="s">
        <v>103</v>
      </c>
      <c r="O236" s="11" t="s">
        <v>121</v>
      </c>
      <c r="P236" s="11" t="s">
        <v>105</v>
      </c>
      <c r="Q236" s="11" t="s">
        <v>106</v>
      </c>
      <c r="R236" s="11" t="s">
        <v>107</v>
      </c>
      <c r="S236" s="11" t="s">
        <v>108</v>
      </c>
      <c r="T236" s="11" t="s">
        <v>102</v>
      </c>
      <c r="U236" s="11" t="s">
        <v>116</v>
      </c>
      <c r="V236" s="11" t="s">
        <v>297</v>
      </c>
      <c r="W236" s="11">
        <v>8</v>
      </c>
      <c r="X236" s="11" t="s">
        <v>139</v>
      </c>
      <c r="Y236" s="11" t="s">
        <v>184</v>
      </c>
      <c r="Z236" s="11" t="s">
        <v>102</v>
      </c>
      <c r="AA236" s="11" t="s">
        <v>113</v>
      </c>
      <c r="AB236" s="11" t="s">
        <v>340</v>
      </c>
    </row>
    <row r="237" spans="1:28">
      <c r="A237" s="11" t="s">
        <v>41</v>
      </c>
      <c r="B237" s="48">
        <v>44926</v>
      </c>
      <c r="C237" s="11" t="s">
        <v>417</v>
      </c>
      <c r="D237" s="11">
        <v>12</v>
      </c>
      <c r="E237" s="11">
        <v>2022</v>
      </c>
      <c r="F237" s="11" t="s">
        <v>44</v>
      </c>
      <c r="G237" s="11" t="s">
        <v>98</v>
      </c>
      <c r="H237" s="11" t="s">
        <v>192</v>
      </c>
      <c r="I237" s="11" t="s">
        <v>130</v>
      </c>
      <c r="J237" s="11" t="s">
        <v>358</v>
      </c>
      <c r="K237" s="11">
        <v>-234862</v>
      </c>
      <c r="L237" s="11" t="s">
        <v>102</v>
      </c>
      <c r="M237" s="11" t="s">
        <v>102</v>
      </c>
      <c r="N237" s="11" t="s">
        <v>103</v>
      </c>
      <c r="O237" s="11" t="s">
        <v>132</v>
      </c>
      <c r="P237" s="11" t="s">
        <v>133</v>
      </c>
      <c r="Q237" s="11" t="s">
        <v>106</v>
      </c>
      <c r="R237" s="11" t="s">
        <v>107</v>
      </c>
      <c r="S237" s="11" t="s">
        <v>108</v>
      </c>
      <c r="T237" s="11" t="s">
        <v>102</v>
      </c>
      <c r="U237" s="11" t="s">
        <v>116</v>
      </c>
      <c r="V237" s="11" t="s">
        <v>418</v>
      </c>
      <c r="W237" s="11">
        <v>123</v>
      </c>
      <c r="X237" s="11" t="s">
        <v>195</v>
      </c>
      <c r="Y237" s="11" t="s">
        <v>136</v>
      </c>
      <c r="Z237" s="11" t="s">
        <v>102</v>
      </c>
      <c r="AA237" s="11" t="s">
        <v>102</v>
      </c>
      <c r="AB237" s="11" t="s">
        <v>192</v>
      </c>
    </row>
    <row r="238" spans="1:28">
      <c r="A238" s="11" t="s">
        <v>41</v>
      </c>
      <c r="B238" s="48">
        <v>44926</v>
      </c>
      <c r="C238" s="11" t="s">
        <v>137</v>
      </c>
      <c r="D238" s="11">
        <v>12</v>
      </c>
      <c r="E238" s="11">
        <v>2022</v>
      </c>
      <c r="F238" s="11" t="s">
        <v>44</v>
      </c>
      <c r="G238" s="11" t="s">
        <v>98</v>
      </c>
      <c r="H238" s="11" t="s">
        <v>99</v>
      </c>
      <c r="I238" s="11" t="s">
        <v>130</v>
      </c>
      <c r="J238" s="11" t="s">
        <v>101</v>
      </c>
      <c r="K238" s="11">
        <v>234862</v>
      </c>
      <c r="L238" s="11" t="s">
        <v>102</v>
      </c>
      <c r="M238" s="11" t="s">
        <v>102</v>
      </c>
      <c r="N238" s="11" t="s">
        <v>103</v>
      </c>
      <c r="O238" s="11" t="s">
        <v>132</v>
      </c>
      <c r="P238" s="11" t="s">
        <v>133</v>
      </c>
      <c r="Q238" s="11" t="s">
        <v>106</v>
      </c>
      <c r="R238" s="11" t="s">
        <v>107</v>
      </c>
      <c r="S238" s="11" t="s">
        <v>108</v>
      </c>
      <c r="T238" s="11" t="s">
        <v>102</v>
      </c>
      <c r="U238" s="11" t="s">
        <v>116</v>
      </c>
      <c r="V238" s="11" t="s">
        <v>419</v>
      </c>
      <c r="W238" s="11">
        <v>3</v>
      </c>
      <c r="X238" s="11" t="s">
        <v>139</v>
      </c>
      <c r="Y238" s="11" t="s">
        <v>184</v>
      </c>
      <c r="Z238" s="11" t="s">
        <v>102</v>
      </c>
      <c r="AA238" s="11" t="s">
        <v>113</v>
      </c>
      <c r="AB238" s="11" t="s">
        <v>353</v>
      </c>
    </row>
    <row r="239" spans="1:28">
      <c r="A239" s="11" t="s">
        <v>41</v>
      </c>
      <c r="B239" s="48">
        <v>44920</v>
      </c>
      <c r="C239" s="11" t="s">
        <v>395</v>
      </c>
      <c r="D239" s="11">
        <v>12</v>
      </c>
      <c r="E239" s="11">
        <v>2022</v>
      </c>
      <c r="F239" s="11" t="s">
        <v>44</v>
      </c>
      <c r="G239" s="11" t="s">
        <v>98</v>
      </c>
      <c r="H239" s="11" t="s">
        <v>396</v>
      </c>
      <c r="I239" s="11" t="s">
        <v>130</v>
      </c>
      <c r="J239" s="11" t="s">
        <v>131</v>
      </c>
      <c r="K239" s="11">
        <v>126113</v>
      </c>
      <c r="L239" s="11" t="s">
        <v>102</v>
      </c>
      <c r="M239" s="11" t="s">
        <v>102</v>
      </c>
      <c r="N239" s="11" t="s">
        <v>103</v>
      </c>
      <c r="O239" s="11" t="s">
        <v>132</v>
      </c>
      <c r="P239" s="11" t="s">
        <v>133</v>
      </c>
      <c r="Q239" s="11" t="s">
        <v>106</v>
      </c>
      <c r="R239" s="11" t="s">
        <v>107</v>
      </c>
      <c r="S239" s="11" t="s">
        <v>397</v>
      </c>
      <c r="T239" s="11" t="s">
        <v>102</v>
      </c>
      <c r="U239" s="11" t="s">
        <v>116</v>
      </c>
      <c r="V239" s="11" t="s">
        <v>420</v>
      </c>
      <c r="W239" s="11">
        <v>4888</v>
      </c>
      <c r="X239" s="11" t="s">
        <v>111</v>
      </c>
      <c r="Y239" s="11" t="s">
        <v>421</v>
      </c>
      <c r="Z239" s="11" t="s">
        <v>137</v>
      </c>
      <c r="AA239" s="11" t="s">
        <v>113</v>
      </c>
      <c r="AB239" s="11" t="s">
        <v>98</v>
      </c>
    </row>
    <row r="240" spans="1:28">
      <c r="A240" s="11" t="s">
        <v>41</v>
      </c>
      <c r="B240" s="48">
        <v>44920</v>
      </c>
      <c r="C240" s="11" t="s">
        <v>395</v>
      </c>
      <c r="D240" s="11">
        <v>12</v>
      </c>
      <c r="E240" s="11">
        <v>2022</v>
      </c>
      <c r="F240" s="11" t="s">
        <v>44</v>
      </c>
      <c r="G240" s="11" t="s">
        <v>98</v>
      </c>
      <c r="H240" s="11" t="s">
        <v>396</v>
      </c>
      <c r="I240" s="11" t="s">
        <v>130</v>
      </c>
      <c r="J240" s="11" t="s">
        <v>131</v>
      </c>
      <c r="K240" s="11">
        <v>117431</v>
      </c>
      <c r="L240" s="11" t="s">
        <v>102</v>
      </c>
      <c r="M240" s="11" t="s">
        <v>102</v>
      </c>
      <c r="N240" s="11" t="s">
        <v>103</v>
      </c>
      <c r="O240" s="11" t="s">
        <v>132</v>
      </c>
      <c r="P240" s="11" t="s">
        <v>133</v>
      </c>
      <c r="Q240" s="11" t="s">
        <v>106</v>
      </c>
      <c r="R240" s="11" t="s">
        <v>107</v>
      </c>
      <c r="S240" s="11" t="s">
        <v>397</v>
      </c>
      <c r="T240" s="11" t="s">
        <v>102</v>
      </c>
      <c r="U240" s="11" t="s">
        <v>116</v>
      </c>
      <c r="V240" s="11" t="s">
        <v>420</v>
      </c>
      <c r="W240" s="11">
        <v>4889</v>
      </c>
      <c r="X240" s="11" t="s">
        <v>111</v>
      </c>
      <c r="Y240" s="11" t="s">
        <v>421</v>
      </c>
      <c r="Z240" s="11" t="s">
        <v>422</v>
      </c>
      <c r="AA240" s="11" t="s">
        <v>113</v>
      </c>
      <c r="AB240" s="11" t="s">
        <v>98</v>
      </c>
    </row>
    <row r="241" spans="1:28">
      <c r="A241" s="11" t="s">
        <v>42</v>
      </c>
      <c r="B241" s="48">
        <v>44925</v>
      </c>
      <c r="C241" s="11" t="s">
        <v>45</v>
      </c>
      <c r="D241" s="11">
        <v>12</v>
      </c>
      <c r="E241" s="11">
        <v>2022</v>
      </c>
      <c r="F241" s="11" t="s">
        <v>44</v>
      </c>
      <c r="G241" s="11" t="s">
        <v>98</v>
      </c>
      <c r="H241" s="11" t="s">
        <v>244</v>
      </c>
      <c r="I241" s="11" t="s">
        <v>100</v>
      </c>
      <c r="J241" s="11" t="s">
        <v>101</v>
      </c>
      <c r="K241" s="11">
        <v>418845.12</v>
      </c>
      <c r="L241" s="11" t="s">
        <v>102</v>
      </c>
      <c r="M241" s="11" t="s">
        <v>102</v>
      </c>
      <c r="N241" s="11" t="s">
        <v>103</v>
      </c>
      <c r="O241" s="11" t="s">
        <v>143</v>
      </c>
      <c r="P241" s="11" t="s">
        <v>105</v>
      </c>
      <c r="Q241" s="11" t="s">
        <v>106</v>
      </c>
      <c r="R241" s="11" t="s">
        <v>107</v>
      </c>
      <c r="S241" s="11" t="s">
        <v>108</v>
      </c>
      <c r="T241" s="11" t="s">
        <v>102</v>
      </c>
      <c r="U241" s="11" t="s">
        <v>116</v>
      </c>
      <c r="V241" s="11" t="s">
        <v>298</v>
      </c>
      <c r="W241" s="11">
        <v>12</v>
      </c>
      <c r="X241" s="11" t="s">
        <v>139</v>
      </c>
      <c r="Y241" s="11" t="s">
        <v>184</v>
      </c>
      <c r="Z241" s="11" t="s">
        <v>102</v>
      </c>
      <c r="AA241" s="11" t="s">
        <v>113</v>
      </c>
      <c r="AB241" s="11" t="s">
        <v>347</v>
      </c>
    </row>
    <row r="242" spans="1:28">
      <c r="A242" s="11" t="s">
        <v>40</v>
      </c>
      <c r="B242" s="48">
        <v>44469</v>
      </c>
      <c r="C242" s="11" t="s">
        <v>278</v>
      </c>
      <c r="D242" s="11">
        <v>9</v>
      </c>
      <c r="E242" s="11">
        <v>2021</v>
      </c>
      <c r="F242" s="11" t="s">
        <v>423</v>
      </c>
      <c r="G242" s="11" t="s">
        <v>241</v>
      </c>
      <c r="H242" s="11" t="s">
        <v>424</v>
      </c>
      <c r="I242" s="11" t="s">
        <v>130</v>
      </c>
      <c r="J242" s="11" t="s">
        <v>101</v>
      </c>
      <c r="K242" s="11">
        <v>244.34</v>
      </c>
      <c r="L242" s="11" t="s">
        <v>102</v>
      </c>
      <c r="M242" s="11" t="s">
        <v>102</v>
      </c>
      <c r="N242" s="11" t="s">
        <v>103</v>
      </c>
      <c r="O242" s="11" t="s">
        <v>104</v>
      </c>
      <c r="P242" s="11" t="s">
        <v>200</v>
      </c>
      <c r="Q242" s="11" t="s">
        <v>106</v>
      </c>
      <c r="R242" s="11" t="s">
        <v>107</v>
      </c>
      <c r="S242" s="11" t="s">
        <v>108</v>
      </c>
      <c r="T242" s="11" t="s">
        <v>102</v>
      </c>
      <c r="U242" s="11" t="s">
        <v>116</v>
      </c>
      <c r="V242" s="11" t="s">
        <v>425</v>
      </c>
      <c r="W242" s="11">
        <v>1</v>
      </c>
      <c r="X242" s="11" t="s">
        <v>139</v>
      </c>
      <c r="Y242" s="11" t="s">
        <v>156</v>
      </c>
      <c r="Z242" s="11" t="s">
        <v>102</v>
      </c>
      <c r="AA242" s="11" t="s">
        <v>216</v>
      </c>
      <c r="AB242" s="11" t="s">
        <v>426</v>
      </c>
    </row>
    <row r="243" spans="1:28">
      <c r="A243" s="11" t="s">
        <v>41</v>
      </c>
      <c r="B243" s="48">
        <v>44469</v>
      </c>
      <c r="C243" s="11" t="s">
        <v>391</v>
      </c>
      <c r="D243" s="11">
        <v>9</v>
      </c>
      <c r="E243" s="11">
        <v>2021</v>
      </c>
      <c r="F243" s="11" t="s">
        <v>423</v>
      </c>
      <c r="G243" s="11" t="s">
        <v>241</v>
      </c>
      <c r="H243" s="11" t="s">
        <v>427</v>
      </c>
      <c r="I243" s="11" t="s">
        <v>130</v>
      </c>
      <c r="J243" s="11" t="s">
        <v>101</v>
      </c>
      <c r="K243" s="11">
        <v>41.58</v>
      </c>
      <c r="L243" s="11" t="s">
        <v>102</v>
      </c>
      <c r="M243" s="11" t="s">
        <v>102</v>
      </c>
      <c r="N243" s="11" t="s">
        <v>103</v>
      </c>
      <c r="O243" s="11" t="s">
        <v>214</v>
      </c>
      <c r="P243" s="11" t="s">
        <v>200</v>
      </c>
      <c r="Q243" s="11" t="s">
        <v>106</v>
      </c>
      <c r="R243" s="11" t="s">
        <v>107</v>
      </c>
      <c r="S243" s="11" t="s">
        <v>108</v>
      </c>
      <c r="T243" s="11" t="s">
        <v>102</v>
      </c>
      <c r="U243" s="11" t="s">
        <v>116</v>
      </c>
      <c r="V243" s="11" t="s">
        <v>428</v>
      </c>
      <c r="W243" s="11">
        <v>1</v>
      </c>
      <c r="X243" s="11" t="s">
        <v>139</v>
      </c>
      <c r="Y243" s="11" t="s">
        <v>156</v>
      </c>
      <c r="Z243" s="11" t="s">
        <v>102</v>
      </c>
      <c r="AA243" s="11" t="s">
        <v>216</v>
      </c>
      <c r="AB243" s="11" t="s">
        <v>429</v>
      </c>
    </row>
    <row r="244" spans="1:28">
      <c r="A244" s="11" t="s">
        <v>40</v>
      </c>
      <c r="B244" s="48">
        <v>44226</v>
      </c>
      <c r="C244" s="11" t="s">
        <v>96</v>
      </c>
      <c r="D244" s="11">
        <v>1</v>
      </c>
      <c r="E244" s="11">
        <v>2021</v>
      </c>
      <c r="F244" s="11" t="s">
        <v>430</v>
      </c>
      <c r="G244" s="11" t="s">
        <v>241</v>
      </c>
      <c r="H244" s="11" t="s">
        <v>99</v>
      </c>
      <c r="I244" s="11" t="s">
        <v>100</v>
      </c>
      <c r="J244" s="11" t="s">
        <v>101</v>
      </c>
      <c r="K244" s="11">
        <v>22393</v>
      </c>
      <c r="L244" s="11" t="s">
        <v>102</v>
      </c>
      <c r="M244" s="11" t="s">
        <v>102</v>
      </c>
      <c r="N244" s="11" t="s">
        <v>103</v>
      </c>
      <c r="O244" s="11" t="s">
        <v>104</v>
      </c>
      <c r="P244" s="11" t="s">
        <v>200</v>
      </c>
      <c r="Q244" s="11" t="s">
        <v>106</v>
      </c>
      <c r="R244" s="11" t="s">
        <v>107</v>
      </c>
      <c r="S244" s="11" t="s">
        <v>108</v>
      </c>
      <c r="T244" s="11" t="s">
        <v>102</v>
      </c>
      <c r="U244" s="11" t="s">
        <v>109</v>
      </c>
      <c r="V244" s="11" t="s">
        <v>110</v>
      </c>
      <c r="W244" s="11">
        <v>1</v>
      </c>
      <c r="X244" s="11" t="s">
        <v>111</v>
      </c>
      <c r="Y244" s="11" t="s">
        <v>112</v>
      </c>
      <c r="Z244" s="11" t="s">
        <v>102</v>
      </c>
      <c r="AA244" s="11" t="s">
        <v>113</v>
      </c>
      <c r="AB244" s="11" t="s">
        <v>431</v>
      </c>
    </row>
    <row r="245" spans="1:28">
      <c r="A245" s="11" t="s">
        <v>40</v>
      </c>
      <c r="B245" s="48">
        <v>44227</v>
      </c>
      <c r="C245" s="11" t="s">
        <v>96</v>
      </c>
      <c r="D245" s="11">
        <v>1</v>
      </c>
      <c r="E245" s="11">
        <v>2021</v>
      </c>
      <c r="F245" s="11" t="s">
        <v>430</v>
      </c>
      <c r="G245" s="11" t="s">
        <v>241</v>
      </c>
      <c r="H245" s="11" t="s">
        <v>115</v>
      </c>
      <c r="I245" s="11" t="s">
        <v>100</v>
      </c>
      <c r="J245" s="11" t="s">
        <v>101</v>
      </c>
      <c r="K245" s="11">
        <v>-22393</v>
      </c>
      <c r="L245" s="11" t="s">
        <v>102</v>
      </c>
      <c r="M245" s="11" t="s">
        <v>102</v>
      </c>
      <c r="N245" s="11" t="s">
        <v>103</v>
      </c>
      <c r="O245" s="11" t="s">
        <v>104</v>
      </c>
      <c r="P245" s="11" t="s">
        <v>200</v>
      </c>
      <c r="Q245" s="11" t="s">
        <v>106</v>
      </c>
      <c r="R245" s="11" t="s">
        <v>107</v>
      </c>
      <c r="S245" s="11" t="s">
        <v>108</v>
      </c>
      <c r="T245" s="11" t="s">
        <v>102</v>
      </c>
      <c r="U245" s="11" t="s">
        <v>116</v>
      </c>
      <c r="V245" s="11" t="s">
        <v>117</v>
      </c>
      <c r="W245" s="11">
        <v>1</v>
      </c>
      <c r="X245" s="11" t="s">
        <v>111</v>
      </c>
      <c r="Y245" s="11" t="s">
        <v>112</v>
      </c>
      <c r="Z245" s="11" t="s">
        <v>102</v>
      </c>
      <c r="AA245" s="11" t="s">
        <v>113</v>
      </c>
      <c r="AB245" s="11" t="s">
        <v>431</v>
      </c>
    </row>
    <row r="246" spans="1:28">
      <c r="A246" s="11" t="s">
        <v>40</v>
      </c>
      <c r="B246" s="48">
        <v>44227</v>
      </c>
      <c r="C246" s="11" t="s">
        <v>96</v>
      </c>
      <c r="D246" s="11">
        <v>1</v>
      </c>
      <c r="E246" s="11">
        <v>2021</v>
      </c>
      <c r="F246" s="11" t="s">
        <v>430</v>
      </c>
      <c r="G246" s="11" t="s">
        <v>241</v>
      </c>
      <c r="H246" s="11" t="s">
        <v>115</v>
      </c>
      <c r="I246" s="11" t="s">
        <v>100</v>
      </c>
      <c r="J246" s="11" t="s">
        <v>101</v>
      </c>
      <c r="K246" s="11">
        <v>22393</v>
      </c>
      <c r="L246" s="11" t="s">
        <v>102</v>
      </c>
      <c r="M246" s="11" t="s">
        <v>102</v>
      </c>
      <c r="N246" s="11" t="s">
        <v>103</v>
      </c>
      <c r="O246" s="11" t="s">
        <v>104</v>
      </c>
      <c r="P246" s="11" t="s">
        <v>200</v>
      </c>
      <c r="Q246" s="11" t="s">
        <v>106</v>
      </c>
      <c r="R246" s="11" t="s">
        <v>107</v>
      </c>
      <c r="S246" s="11" t="s">
        <v>108</v>
      </c>
      <c r="T246" s="11" t="s">
        <v>102</v>
      </c>
      <c r="U246" s="11" t="s">
        <v>109</v>
      </c>
      <c r="V246" s="11" t="s">
        <v>118</v>
      </c>
      <c r="W246" s="11">
        <v>1</v>
      </c>
      <c r="X246" s="11" t="s">
        <v>111</v>
      </c>
      <c r="Y246" s="11" t="s">
        <v>112</v>
      </c>
      <c r="Z246" s="11" t="s">
        <v>102</v>
      </c>
      <c r="AA246" s="11" t="s">
        <v>113</v>
      </c>
      <c r="AB246" s="11" t="s">
        <v>431</v>
      </c>
    </row>
    <row r="247" spans="1:28">
      <c r="A247" s="11" t="s">
        <v>40</v>
      </c>
      <c r="B247" s="48">
        <v>44225</v>
      </c>
      <c r="C247" s="11" t="s">
        <v>96</v>
      </c>
      <c r="D247" s="11">
        <v>1</v>
      </c>
      <c r="E247" s="11">
        <v>2021</v>
      </c>
      <c r="F247" s="11" t="s">
        <v>430</v>
      </c>
      <c r="G247" s="11" t="s">
        <v>241</v>
      </c>
      <c r="H247" s="11" t="s">
        <v>99</v>
      </c>
      <c r="I247" s="11" t="s">
        <v>100</v>
      </c>
      <c r="J247" s="11" t="s">
        <v>101</v>
      </c>
      <c r="K247" s="11">
        <v>22393</v>
      </c>
      <c r="L247" s="11" t="s">
        <v>102</v>
      </c>
      <c r="M247" s="11" t="s">
        <v>102</v>
      </c>
      <c r="N247" s="11" t="s">
        <v>103</v>
      </c>
      <c r="O247" s="11" t="s">
        <v>104</v>
      </c>
      <c r="P247" s="11" t="s">
        <v>200</v>
      </c>
      <c r="Q247" s="11" t="s">
        <v>106</v>
      </c>
      <c r="R247" s="11" t="s">
        <v>107</v>
      </c>
      <c r="S247" s="11" t="s">
        <v>108</v>
      </c>
      <c r="T247" s="11" t="s">
        <v>102</v>
      </c>
      <c r="U247" s="11" t="s">
        <v>116</v>
      </c>
      <c r="V247" s="11" t="s">
        <v>119</v>
      </c>
      <c r="W247" s="11">
        <v>1</v>
      </c>
      <c r="X247" s="11" t="s">
        <v>111</v>
      </c>
      <c r="Y247" s="11" t="s">
        <v>112</v>
      </c>
      <c r="Z247" s="11" t="s">
        <v>102</v>
      </c>
      <c r="AA247" s="11" t="s">
        <v>113</v>
      </c>
      <c r="AB247" s="11" t="s">
        <v>431</v>
      </c>
    </row>
    <row r="248" spans="1:28">
      <c r="A248" s="11" t="s">
        <v>40</v>
      </c>
      <c r="B248" s="48">
        <v>44226</v>
      </c>
      <c r="C248" s="11" t="s">
        <v>96</v>
      </c>
      <c r="D248" s="11">
        <v>1</v>
      </c>
      <c r="E248" s="11">
        <v>2021</v>
      </c>
      <c r="F248" s="11" t="s">
        <v>430</v>
      </c>
      <c r="G248" s="11" t="s">
        <v>241</v>
      </c>
      <c r="H248" s="11" t="s">
        <v>99</v>
      </c>
      <c r="I248" s="11" t="s">
        <v>100</v>
      </c>
      <c r="J248" s="11" t="s">
        <v>101</v>
      </c>
      <c r="K248" s="11">
        <v>-22393</v>
      </c>
      <c r="L248" s="11" t="s">
        <v>102</v>
      </c>
      <c r="M248" s="11" t="s">
        <v>102</v>
      </c>
      <c r="N248" s="11" t="s">
        <v>103</v>
      </c>
      <c r="O248" s="11" t="s">
        <v>104</v>
      </c>
      <c r="P248" s="11" t="s">
        <v>200</v>
      </c>
      <c r="Q248" s="11" t="s">
        <v>106</v>
      </c>
      <c r="R248" s="11" t="s">
        <v>107</v>
      </c>
      <c r="S248" s="11" t="s">
        <v>108</v>
      </c>
      <c r="T248" s="11" t="s">
        <v>102</v>
      </c>
      <c r="U248" s="11" t="s">
        <v>116</v>
      </c>
      <c r="V248" s="11" t="s">
        <v>120</v>
      </c>
      <c r="W248" s="11">
        <v>1</v>
      </c>
      <c r="X248" s="11" t="s">
        <v>111</v>
      </c>
      <c r="Y248" s="11" t="s">
        <v>112</v>
      </c>
      <c r="Z248" s="11" t="s">
        <v>102</v>
      </c>
      <c r="AA248" s="11" t="s">
        <v>113</v>
      </c>
      <c r="AB248" s="11" t="s">
        <v>431</v>
      </c>
    </row>
    <row r="249" spans="1:28">
      <c r="A249" s="11" t="s">
        <v>41</v>
      </c>
      <c r="B249" s="48">
        <v>44226</v>
      </c>
      <c r="C249" s="11" t="s">
        <v>96</v>
      </c>
      <c r="D249" s="11">
        <v>1</v>
      </c>
      <c r="E249" s="11">
        <v>2021</v>
      </c>
      <c r="F249" s="11" t="s">
        <v>430</v>
      </c>
      <c r="G249" s="11" t="s">
        <v>241</v>
      </c>
      <c r="H249" s="11" t="s">
        <v>99</v>
      </c>
      <c r="I249" s="11" t="s">
        <v>100</v>
      </c>
      <c r="J249" s="11" t="s">
        <v>101</v>
      </c>
      <c r="K249" s="11">
        <v>1039</v>
      </c>
      <c r="L249" s="11" t="s">
        <v>102</v>
      </c>
      <c r="M249" s="11" t="s">
        <v>102</v>
      </c>
      <c r="N249" s="11" t="s">
        <v>103</v>
      </c>
      <c r="O249" s="11" t="s">
        <v>214</v>
      </c>
      <c r="P249" s="11" t="s">
        <v>200</v>
      </c>
      <c r="Q249" s="11" t="s">
        <v>106</v>
      </c>
      <c r="R249" s="11" t="s">
        <v>107</v>
      </c>
      <c r="S249" s="11" t="s">
        <v>108</v>
      </c>
      <c r="T249" s="11" t="s">
        <v>102</v>
      </c>
      <c r="U249" s="11" t="s">
        <v>109</v>
      </c>
      <c r="V249" s="11" t="s">
        <v>122</v>
      </c>
      <c r="W249" s="11">
        <v>6</v>
      </c>
      <c r="X249" s="11" t="s">
        <v>111</v>
      </c>
      <c r="Y249" s="11" t="s">
        <v>112</v>
      </c>
      <c r="Z249" s="11" t="s">
        <v>102</v>
      </c>
      <c r="AA249" s="11" t="s">
        <v>113</v>
      </c>
      <c r="AB249" s="11" t="s">
        <v>432</v>
      </c>
    </row>
    <row r="250" spans="1:28">
      <c r="A250" s="11" t="s">
        <v>41</v>
      </c>
      <c r="B250" s="48">
        <v>44227</v>
      </c>
      <c r="C250" s="11" t="s">
        <v>96</v>
      </c>
      <c r="D250" s="11">
        <v>1</v>
      </c>
      <c r="E250" s="11">
        <v>2021</v>
      </c>
      <c r="F250" s="11" t="s">
        <v>430</v>
      </c>
      <c r="G250" s="11" t="s">
        <v>241</v>
      </c>
      <c r="H250" s="11" t="s">
        <v>115</v>
      </c>
      <c r="I250" s="11" t="s">
        <v>100</v>
      </c>
      <c r="J250" s="11" t="s">
        <v>101</v>
      </c>
      <c r="K250" s="11">
        <v>-1039</v>
      </c>
      <c r="L250" s="11" t="s">
        <v>102</v>
      </c>
      <c r="M250" s="11" t="s">
        <v>102</v>
      </c>
      <c r="N250" s="11" t="s">
        <v>103</v>
      </c>
      <c r="O250" s="11" t="s">
        <v>214</v>
      </c>
      <c r="P250" s="11" t="s">
        <v>200</v>
      </c>
      <c r="Q250" s="11" t="s">
        <v>106</v>
      </c>
      <c r="R250" s="11" t="s">
        <v>107</v>
      </c>
      <c r="S250" s="11" t="s">
        <v>108</v>
      </c>
      <c r="T250" s="11" t="s">
        <v>102</v>
      </c>
      <c r="U250" s="11" t="s">
        <v>116</v>
      </c>
      <c r="V250" s="11" t="s">
        <v>124</v>
      </c>
      <c r="W250" s="11">
        <v>6</v>
      </c>
      <c r="X250" s="11" t="s">
        <v>111</v>
      </c>
      <c r="Y250" s="11" t="s">
        <v>112</v>
      </c>
      <c r="Z250" s="11" t="s">
        <v>102</v>
      </c>
      <c r="AA250" s="11" t="s">
        <v>113</v>
      </c>
      <c r="AB250" s="11" t="s">
        <v>432</v>
      </c>
    </row>
    <row r="251" spans="1:28">
      <c r="A251" s="11" t="s">
        <v>41</v>
      </c>
      <c r="B251" s="48">
        <v>44227</v>
      </c>
      <c r="C251" s="11" t="s">
        <v>96</v>
      </c>
      <c r="D251" s="11">
        <v>1</v>
      </c>
      <c r="E251" s="11">
        <v>2021</v>
      </c>
      <c r="F251" s="11" t="s">
        <v>430</v>
      </c>
      <c r="G251" s="11" t="s">
        <v>241</v>
      </c>
      <c r="H251" s="11" t="s">
        <v>115</v>
      </c>
      <c r="I251" s="11" t="s">
        <v>100</v>
      </c>
      <c r="J251" s="11" t="s">
        <v>101</v>
      </c>
      <c r="K251" s="11">
        <v>1039</v>
      </c>
      <c r="L251" s="11" t="s">
        <v>102</v>
      </c>
      <c r="M251" s="11" t="s">
        <v>102</v>
      </c>
      <c r="N251" s="11" t="s">
        <v>103</v>
      </c>
      <c r="O251" s="11" t="s">
        <v>214</v>
      </c>
      <c r="P251" s="11" t="s">
        <v>200</v>
      </c>
      <c r="Q251" s="11" t="s">
        <v>106</v>
      </c>
      <c r="R251" s="11" t="s">
        <v>107</v>
      </c>
      <c r="S251" s="11" t="s">
        <v>108</v>
      </c>
      <c r="T251" s="11" t="s">
        <v>102</v>
      </c>
      <c r="U251" s="11" t="s">
        <v>109</v>
      </c>
      <c r="V251" s="11" t="s">
        <v>125</v>
      </c>
      <c r="W251" s="11">
        <v>6</v>
      </c>
      <c r="X251" s="11" t="s">
        <v>111</v>
      </c>
      <c r="Y251" s="11" t="s">
        <v>112</v>
      </c>
      <c r="Z251" s="11" t="s">
        <v>102</v>
      </c>
      <c r="AA251" s="11" t="s">
        <v>113</v>
      </c>
      <c r="AB251" s="11" t="s">
        <v>432</v>
      </c>
    </row>
    <row r="252" spans="1:28">
      <c r="A252" s="11" t="s">
        <v>41</v>
      </c>
      <c r="B252" s="48">
        <v>44225</v>
      </c>
      <c r="C252" s="11" t="s">
        <v>96</v>
      </c>
      <c r="D252" s="11">
        <v>1</v>
      </c>
      <c r="E252" s="11">
        <v>2021</v>
      </c>
      <c r="F252" s="11" t="s">
        <v>430</v>
      </c>
      <c r="G252" s="11" t="s">
        <v>241</v>
      </c>
      <c r="H252" s="11" t="s">
        <v>99</v>
      </c>
      <c r="I252" s="11" t="s">
        <v>100</v>
      </c>
      <c r="J252" s="11" t="s">
        <v>101</v>
      </c>
      <c r="K252" s="11">
        <v>1039</v>
      </c>
      <c r="L252" s="11" t="s">
        <v>102</v>
      </c>
      <c r="M252" s="11" t="s">
        <v>102</v>
      </c>
      <c r="N252" s="11" t="s">
        <v>103</v>
      </c>
      <c r="O252" s="11" t="s">
        <v>214</v>
      </c>
      <c r="P252" s="11" t="s">
        <v>200</v>
      </c>
      <c r="Q252" s="11" t="s">
        <v>106</v>
      </c>
      <c r="R252" s="11" t="s">
        <v>107</v>
      </c>
      <c r="S252" s="11" t="s">
        <v>108</v>
      </c>
      <c r="T252" s="11" t="s">
        <v>102</v>
      </c>
      <c r="U252" s="11" t="s">
        <v>116</v>
      </c>
      <c r="V252" s="11" t="s">
        <v>126</v>
      </c>
      <c r="W252" s="11">
        <v>6</v>
      </c>
      <c r="X252" s="11" t="s">
        <v>111</v>
      </c>
      <c r="Y252" s="11" t="s">
        <v>112</v>
      </c>
      <c r="Z252" s="11" t="s">
        <v>102</v>
      </c>
      <c r="AA252" s="11" t="s">
        <v>113</v>
      </c>
      <c r="AB252" s="11" t="s">
        <v>432</v>
      </c>
    </row>
    <row r="253" spans="1:28">
      <c r="A253" s="11" t="s">
        <v>41</v>
      </c>
      <c r="B253" s="48">
        <v>44226</v>
      </c>
      <c r="C253" s="11" t="s">
        <v>96</v>
      </c>
      <c r="D253" s="11">
        <v>1</v>
      </c>
      <c r="E253" s="11">
        <v>2021</v>
      </c>
      <c r="F253" s="11" t="s">
        <v>430</v>
      </c>
      <c r="G253" s="11" t="s">
        <v>241</v>
      </c>
      <c r="H253" s="11" t="s">
        <v>99</v>
      </c>
      <c r="I253" s="11" t="s">
        <v>100</v>
      </c>
      <c r="J253" s="11" t="s">
        <v>101</v>
      </c>
      <c r="K253" s="11">
        <v>-1039</v>
      </c>
      <c r="L253" s="11" t="s">
        <v>102</v>
      </c>
      <c r="M253" s="11" t="s">
        <v>102</v>
      </c>
      <c r="N253" s="11" t="s">
        <v>103</v>
      </c>
      <c r="O253" s="11" t="s">
        <v>214</v>
      </c>
      <c r="P253" s="11" t="s">
        <v>200</v>
      </c>
      <c r="Q253" s="11" t="s">
        <v>106</v>
      </c>
      <c r="R253" s="11" t="s">
        <v>107</v>
      </c>
      <c r="S253" s="11" t="s">
        <v>108</v>
      </c>
      <c r="T253" s="11" t="s">
        <v>102</v>
      </c>
      <c r="U253" s="11" t="s">
        <v>116</v>
      </c>
      <c r="V253" s="11" t="s">
        <v>127</v>
      </c>
      <c r="W253" s="11">
        <v>6</v>
      </c>
      <c r="X253" s="11" t="s">
        <v>111</v>
      </c>
      <c r="Y253" s="11" t="s">
        <v>112</v>
      </c>
      <c r="Z253" s="11" t="s">
        <v>102</v>
      </c>
      <c r="AA253" s="11" t="s">
        <v>113</v>
      </c>
      <c r="AB253" s="11" t="s">
        <v>432</v>
      </c>
    </row>
    <row r="254" spans="1:28">
      <c r="A254" s="11" t="s">
        <v>42</v>
      </c>
      <c r="B254" s="48">
        <v>44227</v>
      </c>
      <c r="C254" s="11" t="s">
        <v>96</v>
      </c>
      <c r="D254" s="11">
        <v>1</v>
      </c>
      <c r="E254" s="11">
        <v>2021</v>
      </c>
      <c r="F254" s="11" t="s">
        <v>430</v>
      </c>
      <c r="G254" s="11" t="s">
        <v>241</v>
      </c>
      <c r="H254" s="11" t="s">
        <v>115</v>
      </c>
      <c r="I254" s="11" t="s">
        <v>100</v>
      </c>
      <c r="J254" s="11" t="s">
        <v>101</v>
      </c>
      <c r="K254" s="11">
        <v>-17135</v>
      </c>
      <c r="L254" s="11" t="s">
        <v>102</v>
      </c>
      <c r="M254" s="11" t="s">
        <v>102</v>
      </c>
      <c r="N254" s="11" t="s">
        <v>103</v>
      </c>
      <c r="O254" s="11" t="s">
        <v>143</v>
      </c>
      <c r="P254" s="11" t="s">
        <v>200</v>
      </c>
      <c r="Q254" s="11" t="s">
        <v>106</v>
      </c>
      <c r="R254" s="11" t="s">
        <v>107</v>
      </c>
      <c r="S254" s="11" t="s">
        <v>108</v>
      </c>
      <c r="T254" s="11" t="s">
        <v>102</v>
      </c>
      <c r="U254" s="11" t="s">
        <v>116</v>
      </c>
      <c r="V254" s="11" t="s">
        <v>144</v>
      </c>
      <c r="W254" s="11">
        <v>50</v>
      </c>
      <c r="X254" s="11" t="s">
        <v>111</v>
      </c>
      <c r="Y254" s="11" t="s">
        <v>112</v>
      </c>
      <c r="Z254" s="11" t="s">
        <v>102</v>
      </c>
      <c r="AA254" s="11" t="s">
        <v>113</v>
      </c>
      <c r="AB254" s="11" t="s">
        <v>433</v>
      </c>
    </row>
    <row r="255" spans="1:28">
      <c r="A255" s="11" t="s">
        <v>42</v>
      </c>
      <c r="B255" s="48">
        <v>44226</v>
      </c>
      <c r="C255" s="11" t="s">
        <v>96</v>
      </c>
      <c r="D255" s="11">
        <v>1</v>
      </c>
      <c r="E255" s="11">
        <v>2021</v>
      </c>
      <c r="F255" s="11" t="s">
        <v>430</v>
      </c>
      <c r="G255" s="11" t="s">
        <v>241</v>
      </c>
      <c r="H255" s="11" t="s">
        <v>99</v>
      </c>
      <c r="I255" s="11" t="s">
        <v>100</v>
      </c>
      <c r="J255" s="11" t="s">
        <v>101</v>
      </c>
      <c r="K255" s="11">
        <v>17135</v>
      </c>
      <c r="L255" s="11" t="s">
        <v>102</v>
      </c>
      <c r="M255" s="11" t="s">
        <v>102</v>
      </c>
      <c r="N255" s="11" t="s">
        <v>103</v>
      </c>
      <c r="O255" s="11" t="s">
        <v>143</v>
      </c>
      <c r="P255" s="11" t="s">
        <v>200</v>
      </c>
      <c r="Q255" s="11" t="s">
        <v>106</v>
      </c>
      <c r="R255" s="11" t="s">
        <v>107</v>
      </c>
      <c r="S255" s="11" t="s">
        <v>108</v>
      </c>
      <c r="T255" s="11" t="s">
        <v>102</v>
      </c>
      <c r="U255" s="11" t="s">
        <v>109</v>
      </c>
      <c r="V255" s="11" t="s">
        <v>146</v>
      </c>
      <c r="W255" s="11">
        <v>50</v>
      </c>
      <c r="X255" s="11" t="s">
        <v>111</v>
      </c>
      <c r="Y255" s="11" t="s">
        <v>112</v>
      </c>
      <c r="Z255" s="11" t="s">
        <v>102</v>
      </c>
      <c r="AA255" s="11" t="s">
        <v>113</v>
      </c>
      <c r="AB255" s="11" t="s">
        <v>433</v>
      </c>
    </row>
    <row r="256" spans="1:28">
      <c r="A256" s="11" t="s">
        <v>42</v>
      </c>
      <c r="B256" s="48">
        <v>44227</v>
      </c>
      <c r="C256" s="11" t="s">
        <v>96</v>
      </c>
      <c r="D256" s="11">
        <v>1</v>
      </c>
      <c r="E256" s="11">
        <v>2021</v>
      </c>
      <c r="F256" s="11" t="s">
        <v>430</v>
      </c>
      <c r="G256" s="11" t="s">
        <v>241</v>
      </c>
      <c r="H256" s="11" t="s">
        <v>115</v>
      </c>
      <c r="I256" s="11" t="s">
        <v>100</v>
      </c>
      <c r="J256" s="11" t="s">
        <v>101</v>
      </c>
      <c r="K256" s="11">
        <v>17135</v>
      </c>
      <c r="L256" s="11" t="s">
        <v>102</v>
      </c>
      <c r="M256" s="11" t="s">
        <v>102</v>
      </c>
      <c r="N256" s="11" t="s">
        <v>103</v>
      </c>
      <c r="O256" s="11" t="s">
        <v>143</v>
      </c>
      <c r="P256" s="11" t="s">
        <v>200</v>
      </c>
      <c r="Q256" s="11" t="s">
        <v>106</v>
      </c>
      <c r="R256" s="11" t="s">
        <v>107</v>
      </c>
      <c r="S256" s="11" t="s">
        <v>108</v>
      </c>
      <c r="T256" s="11" t="s">
        <v>102</v>
      </c>
      <c r="U256" s="11" t="s">
        <v>109</v>
      </c>
      <c r="V256" s="11" t="s">
        <v>147</v>
      </c>
      <c r="W256" s="11">
        <v>50</v>
      </c>
      <c r="X256" s="11" t="s">
        <v>111</v>
      </c>
      <c r="Y256" s="11" t="s">
        <v>112</v>
      </c>
      <c r="Z256" s="11" t="s">
        <v>102</v>
      </c>
      <c r="AA256" s="11" t="s">
        <v>113</v>
      </c>
      <c r="AB256" s="11" t="s">
        <v>433</v>
      </c>
    </row>
    <row r="257" spans="1:28">
      <c r="A257" s="11" t="s">
        <v>42</v>
      </c>
      <c r="B257" s="48">
        <v>44226</v>
      </c>
      <c r="C257" s="11" t="s">
        <v>96</v>
      </c>
      <c r="D257" s="11">
        <v>1</v>
      </c>
      <c r="E257" s="11">
        <v>2021</v>
      </c>
      <c r="F257" s="11" t="s">
        <v>430</v>
      </c>
      <c r="G257" s="11" t="s">
        <v>241</v>
      </c>
      <c r="H257" s="11" t="s">
        <v>99</v>
      </c>
      <c r="I257" s="11" t="s">
        <v>100</v>
      </c>
      <c r="J257" s="11" t="s">
        <v>101</v>
      </c>
      <c r="K257" s="11">
        <v>-17135</v>
      </c>
      <c r="L257" s="11" t="s">
        <v>102</v>
      </c>
      <c r="M257" s="11" t="s">
        <v>102</v>
      </c>
      <c r="N257" s="11" t="s">
        <v>103</v>
      </c>
      <c r="O257" s="11" t="s">
        <v>143</v>
      </c>
      <c r="P257" s="11" t="s">
        <v>200</v>
      </c>
      <c r="Q257" s="11" t="s">
        <v>106</v>
      </c>
      <c r="R257" s="11" t="s">
        <v>107</v>
      </c>
      <c r="S257" s="11" t="s">
        <v>108</v>
      </c>
      <c r="T257" s="11" t="s">
        <v>102</v>
      </c>
      <c r="U257" s="11" t="s">
        <v>116</v>
      </c>
      <c r="V257" s="11" t="s">
        <v>148</v>
      </c>
      <c r="W257" s="11">
        <v>50</v>
      </c>
      <c r="X257" s="11" t="s">
        <v>111</v>
      </c>
      <c r="Y257" s="11" t="s">
        <v>112</v>
      </c>
      <c r="Z257" s="11" t="s">
        <v>102</v>
      </c>
      <c r="AA257" s="11" t="s">
        <v>113</v>
      </c>
      <c r="AB257" s="11" t="s">
        <v>433</v>
      </c>
    </row>
    <row r="258" spans="1:28">
      <c r="A258" s="11" t="s">
        <v>42</v>
      </c>
      <c r="B258" s="48">
        <v>44225</v>
      </c>
      <c r="C258" s="11" t="s">
        <v>96</v>
      </c>
      <c r="D258" s="11">
        <v>1</v>
      </c>
      <c r="E258" s="11">
        <v>2021</v>
      </c>
      <c r="F258" s="11" t="s">
        <v>430</v>
      </c>
      <c r="G258" s="11" t="s">
        <v>241</v>
      </c>
      <c r="H258" s="11" t="s">
        <v>99</v>
      </c>
      <c r="I258" s="11" t="s">
        <v>100</v>
      </c>
      <c r="J258" s="11" t="s">
        <v>101</v>
      </c>
      <c r="K258" s="11">
        <v>17135</v>
      </c>
      <c r="L258" s="11" t="s">
        <v>102</v>
      </c>
      <c r="M258" s="11" t="s">
        <v>102</v>
      </c>
      <c r="N258" s="11" t="s">
        <v>103</v>
      </c>
      <c r="O258" s="11" t="s">
        <v>143</v>
      </c>
      <c r="P258" s="11" t="s">
        <v>200</v>
      </c>
      <c r="Q258" s="11" t="s">
        <v>106</v>
      </c>
      <c r="R258" s="11" t="s">
        <v>107</v>
      </c>
      <c r="S258" s="11" t="s">
        <v>108</v>
      </c>
      <c r="T258" s="11" t="s">
        <v>102</v>
      </c>
      <c r="U258" s="11" t="s">
        <v>116</v>
      </c>
      <c r="V258" s="11" t="s">
        <v>149</v>
      </c>
      <c r="W258" s="11">
        <v>50</v>
      </c>
      <c r="X258" s="11" t="s">
        <v>111</v>
      </c>
      <c r="Y258" s="11" t="s">
        <v>112</v>
      </c>
      <c r="Z258" s="11" t="s">
        <v>102</v>
      </c>
      <c r="AA258" s="11" t="s">
        <v>113</v>
      </c>
      <c r="AB258" s="11" t="s">
        <v>433</v>
      </c>
    </row>
    <row r="259" spans="1:28">
      <c r="A259" s="11" t="s">
        <v>40</v>
      </c>
      <c r="B259" s="48">
        <v>44255</v>
      </c>
      <c r="C259" s="11" t="s">
        <v>96</v>
      </c>
      <c r="D259" s="11">
        <v>2</v>
      </c>
      <c r="E259" s="11">
        <v>2021</v>
      </c>
      <c r="F259" s="11" t="s">
        <v>430</v>
      </c>
      <c r="G259" s="11" t="s">
        <v>241</v>
      </c>
      <c r="H259" s="11" t="s">
        <v>115</v>
      </c>
      <c r="I259" s="11" t="s">
        <v>100</v>
      </c>
      <c r="J259" s="11" t="s">
        <v>101</v>
      </c>
      <c r="K259" s="11">
        <v>22393</v>
      </c>
      <c r="L259" s="11" t="s">
        <v>102</v>
      </c>
      <c r="M259" s="11" t="s">
        <v>102</v>
      </c>
      <c r="N259" s="11" t="s">
        <v>103</v>
      </c>
      <c r="O259" s="11" t="s">
        <v>104</v>
      </c>
      <c r="P259" s="11" t="s">
        <v>200</v>
      </c>
      <c r="Q259" s="11" t="s">
        <v>106</v>
      </c>
      <c r="R259" s="11" t="s">
        <v>107</v>
      </c>
      <c r="S259" s="11" t="s">
        <v>108</v>
      </c>
      <c r="T259" s="11" t="s">
        <v>102</v>
      </c>
      <c r="U259" s="11" t="s">
        <v>116</v>
      </c>
      <c r="V259" s="11" t="s">
        <v>150</v>
      </c>
      <c r="W259" s="11">
        <v>1</v>
      </c>
      <c r="X259" s="11" t="s">
        <v>111</v>
      </c>
      <c r="Y259" s="11" t="s">
        <v>151</v>
      </c>
      <c r="Z259" s="11" t="s">
        <v>102</v>
      </c>
      <c r="AA259" s="11" t="s">
        <v>113</v>
      </c>
      <c r="AB259" s="11" t="s">
        <v>431</v>
      </c>
    </row>
    <row r="260" spans="1:28">
      <c r="A260" s="11" t="s">
        <v>41</v>
      </c>
      <c r="B260" s="48">
        <v>44255</v>
      </c>
      <c r="C260" s="11" t="s">
        <v>96</v>
      </c>
      <c r="D260" s="11">
        <v>2</v>
      </c>
      <c r="E260" s="11">
        <v>2021</v>
      </c>
      <c r="F260" s="11" t="s">
        <v>430</v>
      </c>
      <c r="G260" s="11" t="s">
        <v>241</v>
      </c>
      <c r="H260" s="11" t="s">
        <v>115</v>
      </c>
      <c r="I260" s="11" t="s">
        <v>100</v>
      </c>
      <c r="J260" s="11" t="s">
        <v>101</v>
      </c>
      <c r="K260" s="11">
        <v>1039</v>
      </c>
      <c r="L260" s="11" t="s">
        <v>102</v>
      </c>
      <c r="M260" s="11" t="s">
        <v>102</v>
      </c>
      <c r="N260" s="11" t="s">
        <v>103</v>
      </c>
      <c r="O260" s="11" t="s">
        <v>214</v>
      </c>
      <c r="P260" s="11" t="s">
        <v>200</v>
      </c>
      <c r="Q260" s="11" t="s">
        <v>106</v>
      </c>
      <c r="R260" s="11" t="s">
        <v>107</v>
      </c>
      <c r="S260" s="11" t="s">
        <v>108</v>
      </c>
      <c r="T260" s="11" t="s">
        <v>102</v>
      </c>
      <c r="U260" s="11" t="s">
        <v>116</v>
      </c>
      <c r="V260" s="11" t="s">
        <v>152</v>
      </c>
      <c r="W260" s="11">
        <v>6</v>
      </c>
      <c r="X260" s="11" t="s">
        <v>111</v>
      </c>
      <c r="Y260" s="11" t="s">
        <v>151</v>
      </c>
      <c r="Z260" s="11" t="s">
        <v>102</v>
      </c>
      <c r="AA260" s="11" t="s">
        <v>113</v>
      </c>
      <c r="AB260" s="11" t="s">
        <v>432</v>
      </c>
    </row>
    <row r="261" spans="1:28">
      <c r="A261" s="11" t="s">
        <v>42</v>
      </c>
      <c r="B261" s="48">
        <v>44255</v>
      </c>
      <c r="C261" s="11" t="s">
        <v>96</v>
      </c>
      <c r="D261" s="11">
        <v>2</v>
      </c>
      <c r="E261" s="11">
        <v>2021</v>
      </c>
      <c r="F261" s="11" t="s">
        <v>430</v>
      </c>
      <c r="G261" s="11" t="s">
        <v>241</v>
      </c>
      <c r="H261" s="11" t="s">
        <v>115</v>
      </c>
      <c r="I261" s="11" t="s">
        <v>100</v>
      </c>
      <c r="J261" s="11" t="s">
        <v>101</v>
      </c>
      <c r="K261" s="11">
        <v>17135</v>
      </c>
      <c r="L261" s="11" t="s">
        <v>102</v>
      </c>
      <c r="M261" s="11" t="s">
        <v>102</v>
      </c>
      <c r="N261" s="11" t="s">
        <v>103</v>
      </c>
      <c r="O261" s="11" t="s">
        <v>143</v>
      </c>
      <c r="P261" s="11" t="s">
        <v>200</v>
      </c>
      <c r="Q261" s="11" t="s">
        <v>106</v>
      </c>
      <c r="R261" s="11" t="s">
        <v>107</v>
      </c>
      <c r="S261" s="11" t="s">
        <v>108</v>
      </c>
      <c r="T261" s="11" t="s">
        <v>102</v>
      </c>
      <c r="U261" s="11" t="s">
        <v>116</v>
      </c>
      <c r="V261" s="11" t="s">
        <v>157</v>
      </c>
      <c r="W261" s="11">
        <v>44</v>
      </c>
      <c r="X261" s="11" t="s">
        <v>111</v>
      </c>
      <c r="Y261" s="11" t="s">
        <v>151</v>
      </c>
      <c r="Z261" s="11" t="s">
        <v>102</v>
      </c>
      <c r="AA261" s="11" t="s">
        <v>113</v>
      </c>
      <c r="AB261" s="11" t="s">
        <v>433</v>
      </c>
    </row>
    <row r="262" spans="1:28">
      <c r="A262" s="11" t="s">
        <v>40</v>
      </c>
      <c r="B262" s="48">
        <v>44286</v>
      </c>
      <c r="C262" s="11" t="s">
        <v>45</v>
      </c>
      <c r="D262" s="11">
        <v>3</v>
      </c>
      <c r="E262" s="11">
        <v>2021</v>
      </c>
      <c r="F262" s="11" t="s">
        <v>430</v>
      </c>
      <c r="G262" s="11" t="s">
        <v>241</v>
      </c>
      <c r="H262" s="11" t="s">
        <v>115</v>
      </c>
      <c r="I262" s="11" t="s">
        <v>100</v>
      </c>
      <c r="J262" s="11" t="s">
        <v>101</v>
      </c>
      <c r="K262" s="11">
        <v>22393</v>
      </c>
      <c r="L262" s="11" t="s">
        <v>102</v>
      </c>
      <c r="M262" s="11" t="s">
        <v>102</v>
      </c>
      <c r="N262" s="11" t="s">
        <v>103</v>
      </c>
      <c r="O262" s="11" t="s">
        <v>104</v>
      </c>
      <c r="P262" s="11" t="s">
        <v>200</v>
      </c>
      <c r="Q262" s="11" t="s">
        <v>106</v>
      </c>
      <c r="R262" s="11" t="s">
        <v>107</v>
      </c>
      <c r="S262" s="11" t="s">
        <v>108</v>
      </c>
      <c r="T262" s="11" t="s">
        <v>102</v>
      </c>
      <c r="U262" s="11" t="s">
        <v>109</v>
      </c>
      <c r="V262" s="11" t="s">
        <v>158</v>
      </c>
      <c r="W262" s="11">
        <v>1</v>
      </c>
      <c r="X262" s="11" t="s">
        <v>111</v>
      </c>
      <c r="Y262" s="11" t="s">
        <v>159</v>
      </c>
      <c r="Z262" s="11" t="s">
        <v>102</v>
      </c>
      <c r="AA262" s="11" t="s">
        <v>113</v>
      </c>
      <c r="AB262" s="11" t="s">
        <v>431</v>
      </c>
    </row>
    <row r="263" spans="1:28">
      <c r="A263" s="11" t="s">
        <v>40</v>
      </c>
      <c r="B263" s="48">
        <v>44286</v>
      </c>
      <c r="C263" s="11" t="s">
        <v>45</v>
      </c>
      <c r="D263" s="11">
        <v>3</v>
      </c>
      <c r="E263" s="11">
        <v>2021</v>
      </c>
      <c r="F263" s="11" t="s">
        <v>430</v>
      </c>
      <c r="G263" s="11" t="s">
        <v>241</v>
      </c>
      <c r="H263" s="11" t="s">
        <v>115</v>
      </c>
      <c r="I263" s="11" t="s">
        <v>100</v>
      </c>
      <c r="J263" s="11" t="s">
        <v>101</v>
      </c>
      <c r="K263" s="11">
        <v>-22393</v>
      </c>
      <c r="L263" s="11" t="s">
        <v>102</v>
      </c>
      <c r="M263" s="11" t="s">
        <v>102</v>
      </c>
      <c r="N263" s="11" t="s">
        <v>103</v>
      </c>
      <c r="O263" s="11" t="s">
        <v>104</v>
      </c>
      <c r="P263" s="11" t="s">
        <v>200</v>
      </c>
      <c r="Q263" s="11" t="s">
        <v>106</v>
      </c>
      <c r="R263" s="11" t="s">
        <v>107</v>
      </c>
      <c r="S263" s="11" t="s">
        <v>108</v>
      </c>
      <c r="T263" s="11" t="s">
        <v>102</v>
      </c>
      <c r="U263" s="11" t="s">
        <v>116</v>
      </c>
      <c r="V263" s="11" t="s">
        <v>160</v>
      </c>
      <c r="W263" s="11">
        <v>1</v>
      </c>
      <c r="X263" s="11" t="s">
        <v>111</v>
      </c>
      <c r="Y263" s="11" t="s">
        <v>159</v>
      </c>
      <c r="Z263" s="11" t="s">
        <v>102</v>
      </c>
      <c r="AA263" s="11" t="s">
        <v>113</v>
      </c>
      <c r="AB263" s="11" t="s">
        <v>431</v>
      </c>
    </row>
    <row r="264" spans="1:28">
      <c r="A264" s="11" t="s">
        <v>40</v>
      </c>
      <c r="B264" s="48">
        <v>44285</v>
      </c>
      <c r="C264" s="11" t="s">
        <v>45</v>
      </c>
      <c r="D264" s="11">
        <v>3</v>
      </c>
      <c r="E264" s="11">
        <v>2021</v>
      </c>
      <c r="F264" s="11" t="s">
        <v>430</v>
      </c>
      <c r="G264" s="11" t="s">
        <v>241</v>
      </c>
      <c r="H264" s="11" t="s">
        <v>115</v>
      </c>
      <c r="I264" s="11" t="s">
        <v>100</v>
      </c>
      <c r="J264" s="11" t="s">
        <v>101</v>
      </c>
      <c r="K264" s="11">
        <v>22393</v>
      </c>
      <c r="L264" s="11" t="s">
        <v>102</v>
      </c>
      <c r="M264" s="11" t="s">
        <v>102</v>
      </c>
      <c r="N264" s="11" t="s">
        <v>103</v>
      </c>
      <c r="O264" s="11" t="s">
        <v>104</v>
      </c>
      <c r="P264" s="11" t="s">
        <v>200</v>
      </c>
      <c r="Q264" s="11" t="s">
        <v>106</v>
      </c>
      <c r="R264" s="11" t="s">
        <v>107</v>
      </c>
      <c r="S264" s="11" t="s">
        <v>108</v>
      </c>
      <c r="T264" s="11" t="s">
        <v>102</v>
      </c>
      <c r="U264" s="11" t="s">
        <v>116</v>
      </c>
      <c r="V264" s="11" t="s">
        <v>161</v>
      </c>
      <c r="W264" s="11">
        <v>1</v>
      </c>
      <c r="X264" s="11" t="s">
        <v>111</v>
      </c>
      <c r="Y264" s="11" t="s">
        <v>162</v>
      </c>
      <c r="Z264" s="11" t="s">
        <v>102</v>
      </c>
      <c r="AA264" s="11" t="s">
        <v>113</v>
      </c>
      <c r="AB264" s="11" t="s">
        <v>431</v>
      </c>
    </row>
    <row r="265" spans="1:28">
      <c r="A265" s="11" t="s">
        <v>41</v>
      </c>
      <c r="B265" s="48">
        <v>44286</v>
      </c>
      <c r="C265" s="11" t="s">
        <v>45</v>
      </c>
      <c r="D265" s="11">
        <v>3</v>
      </c>
      <c r="E265" s="11">
        <v>2021</v>
      </c>
      <c r="F265" s="11" t="s">
        <v>430</v>
      </c>
      <c r="G265" s="11" t="s">
        <v>241</v>
      </c>
      <c r="H265" s="11" t="s">
        <v>115</v>
      </c>
      <c r="I265" s="11" t="s">
        <v>100</v>
      </c>
      <c r="J265" s="11" t="s">
        <v>101</v>
      </c>
      <c r="K265" s="11">
        <v>1039</v>
      </c>
      <c r="L265" s="11" t="s">
        <v>102</v>
      </c>
      <c r="M265" s="11" t="s">
        <v>102</v>
      </c>
      <c r="N265" s="11" t="s">
        <v>103</v>
      </c>
      <c r="O265" s="11" t="s">
        <v>214</v>
      </c>
      <c r="P265" s="11" t="s">
        <v>200</v>
      </c>
      <c r="Q265" s="11" t="s">
        <v>106</v>
      </c>
      <c r="R265" s="11" t="s">
        <v>107</v>
      </c>
      <c r="S265" s="11" t="s">
        <v>108</v>
      </c>
      <c r="T265" s="11" t="s">
        <v>102</v>
      </c>
      <c r="U265" s="11" t="s">
        <v>109</v>
      </c>
      <c r="V265" s="11" t="s">
        <v>163</v>
      </c>
      <c r="W265" s="11">
        <v>6</v>
      </c>
      <c r="X265" s="11" t="s">
        <v>111</v>
      </c>
      <c r="Y265" s="11" t="s">
        <v>159</v>
      </c>
      <c r="Z265" s="11" t="s">
        <v>102</v>
      </c>
      <c r="AA265" s="11" t="s">
        <v>113</v>
      </c>
      <c r="AB265" s="11" t="s">
        <v>432</v>
      </c>
    </row>
    <row r="266" spans="1:28">
      <c r="A266" s="11" t="s">
        <v>41</v>
      </c>
      <c r="B266" s="48">
        <v>44286</v>
      </c>
      <c r="C266" s="11" t="s">
        <v>45</v>
      </c>
      <c r="D266" s="11">
        <v>3</v>
      </c>
      <c r="E266" s="11">
        <v>2021</v>
      </c>
      <c r="F266" s="11" t="s">
        <v>430</v>
      </c>
      <c r="G266" s="11" t="s">
        <v>241</v>
      </c>
      <c r="H266" s="11" t="s">
        <v>115</v>
      </c>
      <c r="I266" s="11" t="s">
        <v>100</v>
      </c>
      <c r="J266" s="11" t="s">
        <v>101</v>
      </c>
      <c r="K266" s="11">
        <v>-1039</v>
      </c>
      <c r="L266" s="11" t="s">
        <v>102</v>
      </c>
      <c r="M266" s="11" t="s">
        <v>102</v>
      </c>
      <c r="N266" s="11" t="s">
        <v>103</v>
      </c>
      <c r="O266" s="11" t="s">
        <v>214</v>
      </c>
      <c r="P266" s="11" t="s">
        <v>200</v>
      </c>
      <c r="Q266" s="11" t="s">
        <v>106</v>
      </c>
      <c r="R266" s="11" t="s">
        <v>107</v>
      </c>
      <c r="S266" s="11" t="s">
        <v>108</v>
      </c>
      <c r="T266" s="11" t="s">
        <v>102</v>
      </c>
      <c r="U266" s="11" t="s">
        <v>116</v>
      </c>
      <c r="V266" s="11" t="s">
        <v>164</v>
      </c>
      <c r="W266" s="11">
        <v>6</v>
      </c>
      <c r="X266" s="11" t="s">
        <v>111</v>
      </c>
      <c r="Y266" s="11" t="s">
        <v>159</v>
      </c>
      <c r="Z266" s="11" t="s">
        <v>102</v>
      </c>
      <c r="AA266" s="11" t="s">
        <v>113</v>
      </c>
      <c r="AB266" s="11" t="s">
        <v>432</v>
      </c>
    </row>
    <row r="267" spans="1:28">
      <c r="A267" s="11" t="s">
        <v>41</v>
      </c>
      <c r="B267" s="48">
        <v>44285</v>
      </c>
      <c r="C267" s="11" t="s">
        <v>45</v>
      </c>
      <c r="D267" s="11">
        <v>3</v>
      </c>
      <c r="E267" s="11">
        <v>2021</v>
      </c>
      <c r="F267" s="11" t="s">
        <v>430</v>
      </c>
      <c r="G267" s="11" t="s">
        <v>241</v>
      </c>
      <c r="H267" s="11" t="s">
        <v>115</v>
      </c>
      <c r="I267" s="11" t="s">
        <v>100</v>
      </c>
      <c r="J267" s="11" t="s">
        <v>101</v>
      </c>
      <c r="K267" s="11">
        <v>1039</v>
      </c>
      <c r="L267" s="11" t="s">
        <v>102</v>
      </c>
      <c r="M267" s="11" t="s">
        <v>102</v>
      </c>
      <c r="N267" s="11" t="s">
        <v>103</v>
      </c>
      <c r="O267" s="11" t="s">
        <v>214</v>
      </c>
      <c r="P267" s="11" t="s">
        <v>200</v>
      </c>
      <c r="Q267" s="11" t="s">
        <v>106</v>
      </c>
      <c r="R267" s="11" t="s">
        <v>107</v>
      </c>
      <c r="S267" s="11" t="s">
        <v>108</v>
      </c>
      <c r="T267" s="11" t="s">
        <v>102</v>
      </c>
      <c r="U267" s="11" t="s">
        <v>116</v>
      </c>
      <c r="V267" s="11" t="s">
        <v>165</v>
      </c>
      <c r="W267" s="11">
        <v>6</v>
      </c>
      <c r="X267" s="11" t="s">
        <v>111</v>
      </c>
      <c r="Y267" s="11" t="s">
        <v>162</v>
      </c>
      <c r="Z267" s="11" t="s">
        <v>102</v>
      </c>
      <c r="AA267" s="11" t="s">
        <v>113</v>
      </c>
      <c r="AB267" s="11" t="s">
        <v>432</v>
      </c>
    </row>
    <row r="268" spans="1:28">
      <c r="A268" s="11" t="s">
        <v>42</v>
      </c>
      <c r="B268" s="48">
        <v>44285</v>
      </c>
      <c r="C268" s="11" t="s">
        <v>45</v>
      </c>
      <c r="D268" s="11">
        <v>3</v>
      </c>
      <c r="E268" s="11">
        <v>2021</v>
      </c>
      <c r="F268" s="11" t="s">
        <v>430</v>
      </c>
      <c r="G268" s="11" t="s">
        <v>241</v>
      </c>
      <c r="H268" s="11" t="s">
        <v>115</v>
      </c>
      <c r="I268" s="11" t="s">
        <v>100</v>
      </c>
      <c r="J268" s="11" t="s">
        <v>101</v>
      </c>
      <c r="K268" s="11">
        <v>17135</v>
      </c>
      <c r="L268" s="11" t="s">
        <v>102</v>
      </c>
      <c r="M268" s="11" t="s">
        <v>102</v>
      </c>
      <c r="N268" s="11" t="s">
        <v>103</v>
      </c>
      <c r="O268" s="11" t="s">
        <v>143</v>
      </c>
      <c r="P268" s="11" t="s">
        <v>200</v>
      </c>
      <c r="Q268" s="11" t="s">
        <v>106</v>
      </c>
      <c r="R268" s="11" t="s">
        <v>107</v>
      </c>
      <c r="S268" s="11" t="s">
        <v>108</v>
      </c>
      <c r="T268" s="11" t="s">
        <v>102</v>
      </c>
      <c r="U268" s="11" t="s">
        <v>116</v>
      </c>
      <c r="V268" s="11" t="s">
        <v>170</v>
      </c>
      <c r="W268" s="11">
        <v>44</v>
      </c>
      <c r="X268" s="11" t="s">
        <v>111</v>
      </c>
      <c r="Y268" s="11" t="s">
        <v>162</v>
      </c>
      <c r="Z268" s="11" t="s">
        <v>102</v>
      </c>
      <c r="AA268" s="11" t="s">
        <v>113</v>
      </c>
      <c r="AB268" s="11" t="s">
        <v>433</v>
      </c>
    </row>
    <row r="269" spans="1:28">
      <c r="A269" s="11" t="s">
        <v>42</v>
      </c>
      <c r="B269" s="48">
        <v>44286</v>
      </c>
      <c r="C269" s="11" t="s">
        <v>45</v>
      </c>
      <c r="D269" s="11">
        <v>3</v>
      </c>
      <c r="E269" s="11">
        <v>2021</v>
      </c>
      <c r="F269" s="11" t="s">
        <v>430</v>
      </c>
      <c r="G269" s="11" t="s">
        <v>241</v>
      </c>
      <c r="H269" s="11" t="s">
        <v>115</v>
      </c>
      <c r="I269" s="11" t="s">
        <v>100</v>
      </c>
      <c r="J269" s="11" t="s">
        <v>101</v>
      </c>
      <c r="K269" s="11">
        <v>17135</v>
      </c>
      <c r="L269" s="11" t="s">
        <v>102</v>
      </c>
      <c r="M269" s="11" t="s">
        <v>102</v>
      </c>
      <c r="N269" s="11" t="s">
        <v>103</v>
      </c>
      <c r="O269" s="11" t="s">
        <v>143</v>
      </c>
      <c r="P269" s="11" t="s">
        <v>200</v>
      </c>
      <c r="Q269" s="11" t="s">
        <v>106</v>
      </c>
      <c r="R269" s="11" t="s">
        <v>107</v>
      </c>
      <c r="S269" s="11" t="s">
        <v>108</v>
      </c>
      <c r="T269" s="11" t="s">
        <v>102</v>
      </c>
      <c r="U269" s="11" t="s">
        <v>109</v>
      </c>
      <c r="V269" s="11" t="s">
        <v>171</v>
      </c>
      <c r="W269" s="11">
        <v>46</v>
      </c>
      <c r="X269" s="11" t="s">
        <v>111</v>
      </c>
      <c r="Y269" s="11" t="s">
        <v>159</v>
      </c>
      <c r="Z269" s="11" t="s">
        <v>102</v>
      </c>
      <c r="AA269" s="11" t="s">
        <v>113</v>
      </c>
      <c r="AB269" s="11" t="s">
        <v>433</v>
      </c>
    </row>
    <row r="270" spans="1:28">
      <c r="A270" s="11" t="s">
        <v>42</v>
      </c>
      <c r="B270" s="48">
        <v>44286</v>
      </c>
      <c r="C270" s="11" t="s">
        <v>45</v>
      </c>
      <c r="D270" s="11">
        <v>3</v>
      </c>
      <c r="E270" s="11">
        <v>2021</v>
      </c>
      <c r="F270" s="11" t="s">
        <v>430</v>
      </c>
      <c r="G270" s="11" t="s">
        <v>241</v>
      </c>
      <c r="H270" s="11" t="s">
        <v>115</v>
      </c>
      <c r="I270" s="11" t="s">
        <v>100</v>
      </c>
      <c r="J270" s="11" t="s">
        <v>101</v>
      </c>
      <c r="K270" s="11">
        <v>-17135</v>
      </c>
      <c r="L270" s="11" t="s">
        <v>102</v>
      </c>
      <c r="M270" s="11" t="s">
        <v>102</v>
      </c>
      <c r="N270" s="11" t="s">
        <v>103</v>
      </c>
      <c r="O270" s="11" t="s">
        <v>143</v>
      </c>
      <c r="P270" s="11" t="s">
        <v>200</v>
      </c>
      <c r="Q270" s="11" t="s">
        <v>106</v>
      </c>
      <c r="R270" s="11" t="s">
        <v>107</v>
      </c>
      <c r="S270" s="11" t="s">
        <v>108</v>
      </c>
      <c r="T270" s="11" t="s">
        <v>102</v>
      </c>
      <c r="U270" s="11" t="s">
        <v>116</v>
      </c>
      <c r="V270" s="11" t="s">
        <v>169</v>
      </c>
      <c r="W270" s="11">
        <v>46</v>
      </c>
      <c r="X270" s="11" t="s">
        <v>111</v>
      </c>
      <c r="Y270" s="11" t="s">
        <v>159</v>
      </c>
      <c r="Z270" s="11" t="s">
        <v>102</v>
      </c>
      <c r="AA270" s="11" t="s">
        <v>113</v>
      </c>
      <c r="AB270" s="11" t="s">
        <v>433</v>
      </c>
    </row>
    <row r="271" spans="1:28">
      <c r="A271" s="11" t="s">
        <v>40</v>
      </c>
      <c r="B271" s="48">
        <v>44316</v>
      </c>
      <c r="C271" s="11" t="s">
        <v>45</v>
      </c>
      <c r="D271" s="11">
        <v>4</v>
      </c>
      <c r="E271" s="11">
        <v>2021</v>
      </c>
      <c r="F271" s="11" t="s">
        <v>430</v>
      </c>
      <c r="G271" s="11" t="s">
        <v>241</v>
      </c>
      <c r="H271" s="11" t="s">
        <v>115</v>
      </c>
      <c r="I271" s="11" t="s">
        <v>100</v>
      </c>
      <c r="J271" s="11" t="s">
        <v>101</v>
      </c>
      <c r="K271" s="11">
        <v>22393</v>
      </c>
      <c r="L271" s="11" t="s">
        <v>102</v>
      </c>
      <c r="M271" s="11" t="s">
        <v>102</v>
      </c>
      <c r="N271" s="11" t="s">
        <v>103</v>
      </c>
      <c r="O271" s="11" t="s">
        <v>104</v>
      </c>
      <c r="P271" s="11" t="s">
        <v>200</v>
      </c>
      <c r="Q271" s="11" t="s">
        <v>106</v>
      </c>
      <c r="R271" s="11" t="s">
        <v>107</v>
      </c>
      <c r="S271" s="11" t="s">
        <v>108</v>
      </c>
      <c r="T271" s="11" t="s">
        <v>102</v>
      </c>
      <c r="U271" s="11" t="s">
        <v>116</v>
      </c>
      <c r="V271" s="11" t="s">
        <v>172</v>
      </c>
      <c r="W271" s="11">
        <v>1</v>
      </c>
      <c r="X271" s="11" t="s">
        <v>111</v>
      </c>
      <c r="Y271" s="11" t="s">
        <v>173</v>
      </c>
      <c r="Z271" s="11" t="s">
        <v>102</v>
      </c>
      <c r="AA271" s="11" t="s">
        <v>113</v>
      </c>
      <c r="AB271" s="11" t="s">
        <v>431</v>
      </c>
    </row>
    <row r="272" spans="1:28">
      <c r="A272" s="11" t="s">
        <v>41</v>
      </c>
      <c r="B272" s="48">
        <v>44316</v>
      </c>
      <c r="C272" s="11" t="s">
        <v>45</v>
      </c>
      <c r="D272" s="11">
        <v>4</v>
      </c>
      <c r="E272" s="11">
        <v>2021</v>
      </c>
      <c r="F272" s="11" t="s">
        <v>430</v>
      </c>
      <c r="G272" s="11" t="s">
        <v>241</v>
      </c>
      <c r="H272" s="11" t="s">
        <v>115</v>
      </c>
      <c r="I272" s="11" t="s">
        <v>100</v>
      </c>
      <c r="J272" s="11" t="s">
        <v>101</v>
      </c>
      <c r="K272" s="11">
        <v>1039</v>
      </c>
      <c r="L272" s="11" t="s">
        <v>102</v>
      </c>
      <c r="M272" s="11" t="s">
        <v>102</v>
      </c>
      <c r="N272" s="11" t="s">
        <v>103</v>
      </c>
      <c r="O272" s="11" t="s">
        <v>214</v>
      </c>
      <c r="P272" s="11" t="s">
        <v>200</v>
      </c>
      <c r="Q272" s="11" t="s">
        <v>106</v>
      </c>
      <c r="R272" s="11" t="s">
        <v>107</v>
      </c>
      <c r="S272" s="11" t="s">
        <v>108</v>
      </c>
      <c r="T272" s="11" t="s">
        <v>102</v>
      </c>
      <c r="U272" s="11" t="s">
        <v>116</v>
      </c>
      <c r="V272" s="11" t="s">
        <v>174</v>
      </c>
      <c r="W272" s="11">
        <v>6</v>
      </c>
      <c r="X272" s="11" t="s">
        <v>111</v>
      </c>
      <c r="Y272" s="11" t="s">
        <v>173</v>
      </c>
      <c r="Z272" s="11" t="s">
        <v>102</v>
      </c>
      <c r="AA272" s="11" t="s">
        <v>113</v>
      </c>
      <c r="AB272" s="11" t="s">
        <v>432</v>
      </c>
    </row>
    <row r="273" spans="1:28">
      <c r="A273" s="11" t="s">
        <v>42</v>
      </c>
      <c r="B273" s="48">
        <v>44316</v>
      </c>
      <c r="C273" s="11" t="s">
        <v>45</v>
      </c>
      <c r="D273" s="11">
        <v>4</v>
      </c>
      <c r="E273" s="11">
        <v>2021</v>
      </c>
      <c r="F273" s="11" t="s">
        <v>430</v>
      </c>
      <c r="G273" s="11" t="s">
        <v>241</v>
      </c>
      <c r="H273" s="11" t="s">
        <v>115</v>
      </c>
      <c r="I273" s="11" t="s">
        <v>100</v>
      </c>
      <c r="J273" s="11" t="s">
        <v>101</v>
      </c>
      <c r="K273" s="11">
        <v>17135</v>
      </c>
      <c r="L273" s="11" t="s">
        <v>102</v>
      </c>
      <c r="M273" s="11" t="s">
        <v>102</v>
      </c>
      <c r="N273" s="11" t="s">
        <v>103</v>
      </c>
      <c r="O273" s="11" t="s">
        <v>143</v>
      </c>
      <c r="P273" s="11" t="s">
        <v>200</v>
      </c>
      <c r="Q273" s="11" t="s">
        <v>106</v>
      </c>
      <c r="R273" s="11" t="s">
        <v>107</v>
      </c>
      <c r="S273" s="11" t="s">
        <v>108</v>
      </c>
      <c r="T273" s="11" t="s">
        <v>102</v>
      </c>
      <c r="U273" s="11" t="s">
        <v>116</v>
      </c>
      <c r="V273" s="11" t="s">
        <v>178</v>
      </c>
      <c r="W273" s="11">
        <v>44</v>
      </c>
      <c r="X273" s="11" t="s">
        <v>111</v>
      </c>
      <c r="Y273" s="11" t="s">
        <v>173</v>
      </c>
      <c r="Z273" s="11" t="s">
        <v>102</v>
      </c>
      <c r="AA273" s="11" t="s">
        <v>113</v>
      </c>
      <c r="AB273" s="11" t="s">
        <v>433</v>
      </c>
    </row>
    <row r="274" spans="1:28">
      <c r="A274" s="11" t="s">
        <v>40</v>
      </c>
      <c r="B274" s="48">
        <v>44347</v>
      </c>
      <c r="C274" s="11" t="s">
        <v>45</v>
      </c>
      <c r="D274" s="11">
        <v>5</v>
      </c>
      <c r="E274" s="11">
        <v>2021</v>
      </c>
      <c r="F274" s="11" t="s">
        <v>430</v>
      </c>
      <c r="G274" s="11" t="s">
        <v>241</v>
      </c>
      <c r="H274" s="11" t="s">
        <v>115</v>
      </c>
      <c r="I274" s="11" t="s">
        <v>100</v>
      </c>
      <c r="J274" s="11" t="s">
        <v>101</v>
      </c>
      <c r="K274" s="11">
        <v>22393</v>
      </c>
      <c r="L274" s="11" t="s">
        <v>102</v>
      </c>
      <c r="M274" s="11" t="s">
        <v>102</v>
      </c>
      <c r="N274" s="11" t="s">
        <v>103</v>
      </c>
      <c r="O274" s="11" t="s">
        <v>104</v>
      </c>
      <c r="P274" s="11" t="s">
        <v>200</v>
      </c>
      <c r="Q274" s="11" t="s">
        <v>106</v>
      </c>
      <c r="R274" s="11" t="s">
        <v>107</v>
      </c>
      <c r="S274" s="11" t="s">
        <v>108</v>
      </c>
      <c r="T274" s="11" t="s">
        <v>102</v>
      </c>
      <c r="U274" s="11" t="s">
        <v>116</v>
      </c>
      <c r="V274" s="11" t="s">
        <v>179</v>
      </c>
      <c r="W274" s="11">
        <v>1</v>
      </c>
      <c r="X274" s="11" t="s">
        <v>111</v>
      </c>
      <c r="Y274" s="11" t="s">
        <v>140</v>
      </c>
      <c r="Z274" s="11" t="s">
        <v>102</v>
      </c>
      <c r="AA274" s="11" t="s">
        <v>113</v>
      </c>
      <c r="AB274" s="11" t="s">
        <v>431</v>
      </c>
    </row>
    <row r="275" spans="1:28">
      <c r="A275" s="11" t="s">
        <v>41</v>
      </c>
      <c r="B275" s="48">
        <v>44347</v>
      </c>
      <c r="C275" s="11" t="s">
        <v>45</v>
      </c>
      <c r="D275" s="11">
        <v>5</v>
      </c>
      <c r="E275" s="11">
        <v>2021</v>
      </c>
      <c r="F275" s="11" t="s">
        <v>430</v>
      </c>
      <c r="G275" s="11" t="s">
        <v>241</v>
      </c>
      <c r="H275" s="11" t="s">
        <v>115</v>
      </c>
      <c r="I275" s="11" t="s">
        <v>100</v>
      </c>
      <c r="J275" s="11" t="s">
        <v>101</v>
      </c>
      <c r="K275" s="11">
        <v>1039</v>
      </c>
      <c r="L275" s="11" t="s">
        <v>102</v>
      </c>
      <c r="M275" s="11" t="s">
        <v>102</v>
      </c>
      <c r="N275" s="11" t="s">
        <v>103</v>
      </c>
      <c r="O275" s="11" t="s">
        <v>214</v>
      </c>
      <c r="P275" s="11" t="s">
        <v>200</v>
      </c>
      <c r="Q275" s="11" t="s">
        <v>106</v>
      </c>
      <c r="R275" s="11" t="s">
        <v>107</v>
      </c>
      <c r="S275" s="11" t="s">
        <v>108</v>
      </c>
      <c r="T275" s="11" t="s">
        <v>102</v>
      </c>
      <c r="U275" s="11" t="s">
        <v>116</v>
      </c>
      <c r="V275" s="11" t="s">
        <v>180</v>
      </c>
      <c r="W275" s="11">
        <v>6</v>
      </c>
      <c r="X275" s="11" t="s">
        <v>111</v>
      </c>
      <c r="Y275" s="11" t="s">
        <v>140</v>
      </c>
      <c r="Z275" s="11" t="s">
        <v>102</v>
      </c>
      <c r="AA275" s="11" t="s">
        <v>113</v>
      </c>
      <c r="AB275" s="11" t="s">
        <v>432</v>
      </c>
    </row>
    <row r="276" spans="1:28">
      <c r="A276" s="11" t="s">
        <v>42</v>
      </c>
      <c r="B276" s="48">
        <v>44347</v>
      </c>
      <c r="C276" s="11" t="s">
        <v>45</v>
      </c>
      <c r="D276" s="11">
        <v>5</v>
      </c>
      <c r="E276" s="11">
        <v>2021</v>
      </c>
      <c r="F276" s="11" t="s">
        <v>430</v>
      </c>
      <c r="G276" s="11" t="s">
        <v>241</v>
      </c>
      <c r="H276" s="11" t="s">
        <v>115</v>
      </c>
      <c r="I276" s="11" t="s">
        <v>100</v>
      </c>
      <c r="J276" s="11" t="s">
        <v>101</v>
      </c>
      <c r="K276" s="11">
        <v>17135</v>
      </c>
      <c r="L276" s="11" t="s">
        <v>102</v>
      </c>
      <c r="M276" s="11" t="s">
        <v>102</v>
      </c>
      <c r="N276" s="11" t="s">
        <v>103</v>
      </c>
      <c r="O276" s="11" t="s">
        <v>143</v>
      </c>
      <c r="P276" s="11" t="s">
        <v>200</v>
      </c>
      <c r="Q276" s="11" t="s">
        <v>106</v>
      </c>
      <c r="R276" s="11" t="s">
        <v>107</v>
      </c>
      <c r="S276" s="11" t="s">
        <v>108</v>
      </c>
      <c r="T276" s="11" t="s">
        <v>102</v>
      </c>
      <c r="U276" s="11" t="s">
        <v>116</v>
      </c>
      <c r="V276" s="11" t="s">
        <v>185</v>
      </c>
      <c r="W276" s="11">
        <v>44</v>
      </c>
      <c r="X276" s="11" t="s">
        <v>111</v>
      </c>
      <c r="Y276" s="11" t="s">
        <v>140</v>
      </c>
      <c r="Z276" s="11" t="s">
        <v>102</v>
      </c>
      <c r="AA276" s="11" t="s">
        <v>113</v>
      </c>
      <c r="AB276" s="11" t="s">
        <v>433</v>
      </c>
    </row>
    <row r="277" spans="1:28">
      <c r="A277" s="11" t="s">
        <v>40</v>
      </c>
      <c r="B277" s="48">
        <v>44377</v>
      </c>
      <c r="C277" s="11" t="s">
        <v>45</v>
      </c>
      <c r="D277" s="11">
        <v>6</v>
      </c>
      <c r="E277" s="11">
        <v>2021</v>
      </c>
      <c r="F277" s="11" t="s">
        <v>430</v>
      </c>
      <c r="G277" s="11" t="s">
        <v>241</v>
      </c>
      <c r="H277" s="11" t="s">
        <v>115</v>
      </c>
      <c r="I277" s="11" t="s">
        <v>100</v>
      </c>
      <c r="J277" s="11" t="s">
        <v>101</v>
      </c>
      <c r="K277" s="11">
        <v>22393</v>
      </c>
      <c r="L277" s="11" t="s">
        <v>102</v>
      </c>
      <c r="M277" s="11" t="s">
        <v>102</v>
      </c>
      <c r="N277" s="11" t="s">
        <v>103</v>
      </c>
      <c r="O277" s="11" t="s">
        <v>104</v>
      </c>
      <c r="P277" s="11" t="s">
        <v>200</v>
      </c>
      <c r="Q277" s="11" t="s">
        <v>106</v>
      </c>
      <c r="R277" s="11" t="s">
        <v>107</v>
      </c>
      <c r="S277" s="11" t="s">
        <v>108</v>
      </c>
      <c r="T277" s="11" t="s">
        <v>102</v>
      </c>
      <c r="U277" s="11" t="s">
        <v>116</v>
      </c>
      <c r="V277" s="11" t="s">
        <v>186</v>
      </c>
      <c r="W277" s="11">
        <v>1</v>
      </c>
      <c r="X277" s="11" t="s">
        <v>111</v>
      </c>
      <c r="Y277" s="11" t="s">
        <v>151</v>
      </c>
      <c r="Z277" s="11" t="s">
        <v>102</v>
      </c>
      <c r="AA277" s="11" t="s">
        <v>113</v>
      </c>
      <c r="AB277" s="11" t="s">
        <v>431</v>
      </c>
    </row>
    <row r="278" spans="1:28">
      <c r="A278" s="11" t="s">
        <v>41</v>
      </c>
      <c r="B278" s="48">
        <v>44377</v>
      </c>
      <c r="C278" s="11" t="s">
        <v>45</v>
      </c>
      <c r="D278" s="11">
        <v>6</v>
      </c>
      <c r="E278" s="11">
        <v>2021</v>
      </c>
      <c r="F278" s="11" t="s">
        <v>430</v>
      </c>
      <c r="G278" s="11" t="s">
        <v>241</v>
      </c>
      <c r="H278" s="11" t="s">
        <v>115</v>
      </c>
      <c r="I278" s="11" t="s">
        <v>100</v>
      </c>
      <c r="J278" s="11" t="s">
        <v>101</v>
      </c>
      <c r="K278" s="11">
        <v>1039</v>
      </c>
      <c r="L278" s="11" t="s">
        <v>102</v>
      </c>
      <c r="M278" s="11" t="s">
        <v>102</v>
      </c>
      <c r="N278" s="11" t="s">
        <v>103</v>
      </c>
      <c r="O278" s="11" t="s">
        <v>214</v>
      </c>
      <c r="P278" s="11" t="s">
        <v>200</v>
      </c>
      <c r="Q278" s="11" t="s">
        <v>106</v>
      </c>
      <c r="R278" s="11" t="s">
        <v>107</v>
      </c>
      <c r="S278" s="11" t="s">
        <v>108</v>
      </c>
      <c r="T278" s="11" t="s">
        <v>102</v>
      </c>
      <c r="U278" s="11" t="s">
        <v>116</v>
      </c>
      <c r="V278" s="11" t="s">
        <v>190</v>
      </c>
      <c r="W278" s="11">
        <v>6</v>
      </c>
      <c r="X278" s="11" t="s">
        <v>111</v>
      </c>
      <c r="Y278" s="11" t="s">
        <v>151</v>
      </c>
      <c r="Z278" s="11" t="s">
        <v>102</v>
      </c>
      <c r="AA278" s="11" t="s">
        <v>113</v>
      </c>
      <c r="AB278" s="11" t="s">
        <v>432</v>
      </c>
    </row>
    <row r="279" spans="1:28">
      <c r="A279" s="11" t="s">
        <v>42</v>
      </c>
      <c r="B279" s="48">
        <v>44377</v>
      </c>
      <c r="C279" s="11" t="s">
        <v>45</v>
      </c>
      <c r="D279" s="11">
        <v>6</v>
      </c>
      <c r="E279" s="11">
        <v>2021</v>
      </c>
      <c r="F279" s="11" t="s">
        <v>430</v>
      </c>
      <c r="G279" s="11" t="s">
        <v>241</v>
      </c>
      <c r="H279" s="11" t="s">
        <v>115</v>
      </c>
      <c r="I279" s="11" t="s">
        <v>100</v>
      </c>
      <c r="J279" s="11" t="s">
        <v>101</v>
      </c>
      <c r="K279" s="11">
        <v>17135</v>
      </c>
      <c r="L279" s="11" t="s">
        <v>102</v>
      </c>
      <c r="M279" s="11" t="s">
        <v>102</v>
      </c>
      <c r="N279" s="11" t="s">
        <v>103</v>
      </c>
      <c r="O279" s="11" t="s">
        <v>143</v>
      </c>
      <c r="P279" s="11" t="s">
        <v>200</v>
      </c>
      <c r="Q279" s="11" t="s">
        <v>106</v>
      </c>
      <c r="R279" s="11" t="s">
        <v>107</v>
      </c>
      <c r="S279" s="11" t="s">
        <v>108</v>
      </c>
      <c r="T279" s="11" t="s">
        <v>102</v>
      </c>
      <c r="U279" s="11" t="s">
        <v>116</v>
      </c>
      <c r="V279" s="11" t="s">
        <v>198</v>
      </c>
      <c r="W279" s="11">
        <v>44</v>
      </c>
      <c r="X279" s="11" t="s">
        <v>111</v>
      </c>
      <c r="Y279" s="11" t="s">
        <v>151</v>
      </c>
      <c r="Z279" s="11" t="s">
        <v>102</v>
      </c>
      <c r="AA279" s="11" t="s">
        <v>113</v>
      </c>
      <c r="AB279" s="11" t="s">
        <v>433</v>
      </c>
    </row>
    <row r="280" spans="1:28">
      <c r="A280" s="11" t="s">
        <v>40</v>
      </c>
      <c r="B280" s="48">
        <v>44408</v>
      </c>
      <c r="C280" s="11" t="s">
        <v>45</v>
      </c>
      <c r="D280" s="11">
        <v>7</v>
      </c>
      <c r="E280" s="11">
        <v>2021</v>
      </c>
      <c r="F280" s="11" t="s">
        <v>430</v>
      </c>
      <c r="G280" s="11" t="s">
        <v>241</v>
      </c>
      <c r="H280" s="11" t="s">
        <v>99</v>
      </c>
      <c r="I280" s="11" t="s">
        <v>100</v>
      </c>
      <c r="J280" s="11" t="s">
        <v>101</v>
      </c>
      <c r="K280" s="11">
        <v>22393</v>
      </c>
      <c r="L280" s="11" t="s">
        <v>102</v>
      </c>
      <c r="M280" s="11" t="s">
        <v>102</v>
      </c>
      <c r="N280" s="11" t="s">
        <v>103</v>
      </c>
      <c r="O280" s="11" t="s">
        <v>104</v>
      </c>
      <c r="P280" s="11" t="s">
        <v>200</v>
      </c>
      <c r="Q280" s="11" t="s">
        <v>106</v>
      </c>
      <c r="R280" s="11" t="s">
        <v>107</v>
      </c>
      <c r="S280" s="11" t="s">
        <v>108</v>
      </c>
      <c r="T280" s="11" t="s">
        <v>102</v>
      </c>
      <c r="U280" s="11" t="s">
        <v>116</v>
      </c>
      <c r="V280" s="11" t="s">
        <v>199</v>
      </c>
      <c r="W280" s="11">
        <v>1</v>
      </c>
      <c r="X280" s="11" t="s">
        <v>139</v>
      </c>
      <c r="Y280" s="11" t="s">
        <v>156</v>
      </c>
      <c r="Z280" s="11" t="s">
        <v>102</v>
      </c>
      <c r="AA280" s="11" t="s">
        <v>113</v>
      </c>
      <c r="AB280" s="11" t="s">
        <v>431</v>
      </c>
    </row>
    <row r="281" spans="1:28">
      <c r="A281" s="11" t="s">
        <v>41</v>
      </c>
      <c r="B281" s="48">
        <v>44408</v>
      </c>
      <c r="C281" s="11" t="s">
        <v>45</v>
      </c>
      <c r="D281" s="11">
        <v>7</v>
      </c>
      <c r="E281" s="11">
        <v>2021</v>
      </c>
      <c r="F281" s="11" t="s">
        <v>430</v>
      </c>
      <c r="G281" s="11" t="s">
        <v>241</v>
      </c>
      <c r="H281" s="11" t="s">
        <v>99</v>
      </c>
      <c r="I281" s="11" t="s">
        <v>100</v>
      </c>
      <c r="J281" s="11" t="s">
        <v>101</v>
      </c>
      <c r="K281" s="11">
        <v>1039</v>
      </c>
      <c r="L281" s="11" t="s">
        <v>102</v>
      </c>
      <c r="M281" s="11" t="s">
        <v>102</v>
      </c>
      <c r="N281" s="11" t="s">
        <v>103</v>
      </c>
      <c r="O281" s="11" t="s">
        <v>214</v>
      </c>
      <c r="P281" s="11" t="s">
        <v>200</v>
      </c>
      <c r="Q281" s="11" t="s">
        <v>106</v>
      </c>
      <c r="R281" s="11" t="s">
        <v>107</v>
      </c>
      <c r="S281" s="11" t="s">
        <v>108</v>
      </c>
      <c r="T281" s="11" t="s">
        <v>102</v>
      </c>
      <c r="U281" s="11" t="s">
        <v>116</v>
      </c>
      <c r="V281" s="11" t="s">
        <v>201</v>
      </c>
      <c r="W281" s="11">
        <v>6</v>
      </c>
      <c r="X281" s="11" t="s">
        <v>139</v>
      </c>
      <c r="Y281" s="11" t="s">
        <v>156</v>
      </c>
      <c r="Z281" s="11" t="s">
        <v>102</v>
      </c>
      <c r="AA281" s="11" t="s">
        <v>113</v>
      </c>
      <c r="AB281" s="11" t="s">
        <v>432</v>
      </c>
    </row>
    <row r="282" spans="1:28">
      <c r="A282" s="11" t="s">
        <v>42</v>
      </c>
      <c r="B282" s="48">
        <v>44408</v>
      </c>
      <c r="C282" s="11" t="s">
        <v>45</v>
      </c>
      <c r="D282" s="11">
        <v>7</v>
      </c>
      <c r="E282" s="11">
        <v>2021</v>
      </c>
      <c r="F282" s="11" t="s">
        <v>430</v>
      </c>
      <c r="G282" s="11" t="s">
        <v>241</v>
      </c>
      <c r="H282" s="11" t="s">
        <v>99</v>
      </c>
      <c r="I282" s="11" t="s">
        <v>100</v>
      </c>
      <c r="J282" s="11" t="s">
        <v>101</v>
      </c>
      <c r="K282" s="11">
        <v>17135</v>
      </c>
      <c r="L282" s="11" t="s">
        <v>102</v>
      </c>
      <c r="M282" s="11" t="s">
        <v>102</v>
      </c>
      <c r="N282" s="11" t="s">
        <v>103</v>
      </c>
      <c r="O282" s="11" t="s">
        <v>143</v>
      </c>
      <c r="P282" s="11" t="s">
        <v>200</v>
      </c>
      <c r="Q282" s="11" t="s">
        <v>106</v>
      </c>
      <c r="R282" s="11" t="s">
        <v>107</v>
      </c>
      <c r="S282" s="11" t="s">
        <v>108</v>
      </c>
      <c r="T282" s="11" t="s">
        <v>102</v>
      </c>
      <c r="U282" s="11" t="s">
        <v>116</v>
      </c>
      <c r="V282" s="11" t="s">
        <v>205</v>
      </c>
      <c r="W282" s="11">
        <v>44</v>
      </c>
      <c r="X282" s="11" t="s">
        <v>139</v>
      </c>
      <c r="Y282" s="11" t="s">
        <v>156</v>
      </c>
      <c r="Z282" s="11" t="s">
        <v>102</v>
      </c>
      <c r="AA282" s="11" t="s">
        <v>113</v>
      </c>
      <c r="AB282" s="11" t="s">
        <v>433</v>
      </c>
    </row>
    <row r="283" spans="1:28">
      <c r="A283" s="11" t="s">
        <v>40</v>
      </c>
      <c r="B283" s="48">
        <v>44439</v>
      </c>
      <c r="C283" s="11" t="s">
        <v>45</v>
      </c>
      <c r="D283" s="11">
        <v>8</v>
      </c>
      <c r="E283" s="11">
        <v>2021</v>
      </c>
      <c r="F283" s="11" t="s">
        <v>430</v>
      </c>
      <c r="G283" s="11" t="s">
        <v>241</v>
      </c>
      <c r="H283" s="11" t="s">
        <v>99</v>
      </c>
      <c r="I283" s="11" t="s">
        <v>100</v>
      </c>
      <c r="J283" s="11" t="s">
        <v>101</v>
      </c>
      <c r="K283" s="11">
        <v>22393</v>
      </c>
      <c r="L283" s="11" t="s">
        <v>102</v>
      </c>
      <c r="M283" s="11" t="s">
        <v>102</v>
      </c>
      <c r="N283" s="11" t="s">
        <v>103</v>
      </c>
      <c r="O283" s="11" t="s">
        <v>104</v>
      </c>
      <c r="P283" s="11" t="s">
        <v>200</v>
      </c>
      <c r="Q283" s="11" t="s">
        <v>106</v>
      </c>
      <c r="R283" s="11" t="s">
        <v>107</v>
      </c>
      <c r="S283" s="11" t="s">
        <v>108</v>
      </c>
      <c r="T283" s="11" t="s">
        <v>102</v>
      </c>
      <c r="U283" s="11" t="s">
        <v>116</v>
      </c>
      <c r="V283" s="11" t="s">
        <v>206</v>
      </c>
      <c r="W283" s="11">
        <v>1</v>
      </c>
      <c r="X283" s="11" t="s">
        <v>139</v>
      </c>
      <c r="Y283" s="11" t="s">
        <v>156</v>
      </c>
      <c r="Z283" s="11" t="s">
        <v>102</v>
      </c>
      <c r="AA283" s="11" t="s">
        <v>113</v>
      </c>
      <c r="AB283" s="11" t="s">
        <v>431</v>
      </c>
    </row>
    <row r="284" spans="1:28">
      <c r="A284" s="11" t="s">
        <v>41</v>
      </c>
      <c r="B284" s="48">
        <v>44438</v>
      </c>
      <c r="C284" s="11" t="s">
        <v>278</v>
      </c>
      <c r="D284" s="11">
        <v>8</v>
      </c>
      <c r="E284" s="11">
        <v>2021</v>
      </c>
      <c r="F284" s="11" t="s">
        <v>430</v>
      </c>
      <c r="G284" s="11" t="s">
        <v>241</v>
      </c>
      <c r="H284" s="11" t="s">
        <v>386</v>
      </c>
      <c r="I284" s="11" t="s">
        <v>130</v>
      </c>
      <c r="J284" s="11" t="s">
        <v>101</v>
      </c>
      <c r="K284" s="11">
        <v>6600</v>
      </c>
      <c r="L284" s="11" t="s">
        <v>102</v>
      </c>
      <c r="M284" s="11" t="s">
        <v>102</v>
      </c>
      <c r="N284" s="11" t="s">
        <v>103</v>
      </c>
      <c r="O284" s="11" t="s">
        <v>214</v>
      </c>
      <c r="P284" s="11" t="s">
        <v>200</v>
      </c>
      <c r="Q284" s="11" t="s">
        <v>106</v>
      </c>
      <c r="R284" s="11" t="s">
        <v>107</v>
      </c>
      <c r="S284" s="11" t="s">
        <v>108</v>
      </c>
      <c r="T284" s="11" t="s">
        <v>102</v>
      </c>
      <c r="U284" s="11" t="s">
        <v>116</v>
      </c>
      <c r="V284" s="11" t="s">
        <v>387</v>
      </c>
      <c r="W284" s="11">
        <v>1</v>
      </c>
      <c r="X284" s="11" t="s">
        <v>139</v>
      </c>
      <c r="Y284" s="11" t="s">
        <v>156</v>
      </c>
      <c r="Z284" s="11" t="s">
        <v>102</v>
      </c>
      <c r="AA284" s="11" t="s">
        <v>216</v>
      </c>
      <c r="AB284" s="11" t="s">
        <v>434</v>
      </c>
    </row>
    <row r="285" spans="1:28">
      <c r="A285" s="11" t="s">
        <v>41</v>
      </c>
      <c r="B285" s="48">
        <v>44439</v>
      </c>
      <c r="C285" s="11" t="s">
        <v>45</v>
      </c>
      <c r="D285" s="11">
        <v>8</v>
      </c>
      <c r="E285" s="11">
        <v>2021</v>
      </c>
      <c r="F285" s="11" t="s">
        <v>430</v>
      </c>
      <c r="G285" s="11" t="s">
        <v>241</v>
      </c>
      <c r="H285" s="11" t="s">
        <v>99</v>
      </c>
      <c r="I285" s="11" t="s">
        <v>100</v>
      </c>
      <c r="J285" s="11" t="s">
        <v>101</v>
      </c>
      <c r="K285" s="11">
        <v>1039</v>
      </c>
      <c r="L285" s="11" t="s">
        <v>102</v>
      </c>
      <c r="M285" s="11" t="s">
        <v>102</v>
      </c>
      <c r="N285" s="11" t="s">
        <v>103</v>
      </c>
      <c r="O285" s="11" t="s">
        <v>214</v>
      </c>
      <c r="P285" s="11" t="s">
        <v>200</v>
      </c>
      <c r="Q285" s="11" t="s">
        <v>106</v>
      </c>
      <c r="R285" s="11" t="s">
        <v>107</v>
      </c>
      <c r="S285" s="11" t="s">
        <v>108</v>
      </c>
      <c r="T285" s="11" t="s">
        <v>102</v>
      </c>
      <c r="U285" s="11" t="s">
        <v>116</v>
      </c>
      <c r="V285" s="11" t="s">
        <v>207</v>
      </c>
      <c r="W285" s="11">
        <v>6</v>
      </c>
      <c r="X285" s="11" t="s">
        <v>139</v>
      </c>
      <c r="Y285" s="11" t="s">
        <v>156</v>
      </c>
      <c r="Z285" s="11" t="s">
        <v>102</v>
      </c>
      <c r="AA285" s="11" t="s">
        <v>113</v>
      </c>
      <c r="AB285" s="11" t="s">
        <v>432</v>
      </c>
    </row>
    <row r="286" spans="1:28">
      <c r="A286" s="11" t="s">
        <v>42</v>
      </c>
      <c r="B286" s="48">
        <v>44439</v>
      </c>
      <c r="C286" s="11" t="s">
        <v>45</v>
      </c>
      <c r="D286" s="11">
        <v>8</v>
      </c>
      <c r="E286" s="11">
        <v>2021</v>
      </c>
      <c r="F286" s="11" t="s">
        <v>430</v>
      </c>
      <c r="G286" s="11" t="s">
        <v>241</v>
      </c>
      <c r="H286" s="11" t="s">
        <v>99</v>
      </c>
      <c r="I286" s="11" t="s">
        <v>100</v>
      </c>
      <c r="J286" s="11" t="s">
        <v>101</v>
      </c>
      <c r="K286" s="11">
        <v>17135</v>
      </c>
      <c r="L286" s="11" t="s">
        <v>102</v>
      </c>
      <c r="M286" s="11" t="s">
        <v>102</v>
      </c>
      <c r="N286" s="11" t="s">
        <v>103</v>
      </c>
      <c r="O286" s="11" t="s">
        <v>143</v>
      </c>
      <c r="P286" s="11" t="s">
        <v>200</v>
      </c>
      <c r="Q286" s="11" t="s">
        <v>106</v>
      </c>
      <c r="R286" s="11" t="s">
        <v>107</v>
      </c>
      <c r="S286" s="11" t="s">
        <v>108</v>
      </c>
      <c r="T286" s="11" t="s">
        <v>102</v>
      </c>
      <c r="U286" s="11" t="s">
        <v>116</v>
      </c>
      <c r="V286" s="11" t="s">
        <v>211</v>
      </c>
      <c r="W286" s="11">
        <v>44</v>
      </c>
      <c r="X286" s="11" t="s">
        <v>139</v>
      </c>
      <c r="Y286" s="11" t="s">
        <v>156</v>
      </c>
      <c r="Z286" s="11" t="s">
        <v>102</v>
      </c>
      <c r="AA286" s="11" t="s">
        <v>113</v>
      </c>
      <c r="AB286" s="11" t="s">
        <v>433</v>
      </c>
    </row>
    <row r="287" spans="1:28">
      <c r="A287" s="11" t="s">
        <v>40</v>
      </c>
      <c r="B287" s="48">
        <v>44469</v>
      </c>
      <c r="C287" s="11" t="s">
        <v>45</v>
      </c>
      <c r="D287" s="11">
        <v>9</v>
      </c>
      <c r="E287" s="11">
        <v>2021</v>
      </c>
      <c r="F287" s="11" t="s">
        <v>430</v>
      </c>
      <c r="G287" s="11" t="s">
        <v>241</v>
      </c>
      <c r="H287" s="11" t="s">
        <v>99</v>
      </c>
      <c r="I287" s="11" t="s">
        <v>100</v>
      </c>
      <c r="J287" s="11" t="s">
        <v>101</v>
      </c>
      <c r="K287" s="11">
        <v>22393</v>
      </c>
      <c r="L287" s="11" t="s">
        <v>102</v>
      </c>
      <c r="M287" s="11" t="s">
        <v>102</v>
      </c>
      <c r="N287" s="11" t="s">
        <v>103</v>
      </c>
      <c r="O287" s="11" t="s">
        <v>104</v>
      </c>
      <c r="P287" s="11" t="s">
        <v>200</v>
      </c>
      <c r="Q287" s="11" t="s">
        <v>106</v>
      </c>
      <c r="R287" s="11" t="s">
        <v>107</v>
      </c>
      <c r="S287" s="11" t="s">
        <v>108</v>
      </c>
      <c r="T287" s="11" t="s">
        <v>102</v>
      </c>
      <c r="U287" s="11" t="s">
        <v>116</v>
      </c>
      <c r="V287" s="11" t="s">
        <v>212</v>
      </c>
      <c r="W287" s="11">
        <v>1</v>
      </c>
      <c r="X287" s="11" t="s">
        <v>139</v>
      </c>
      <c r="Y287" s="11" t="s">
        <v>156</v>
      </c>
      <c r="Z287" s="11" t="s">
        <v>102</v>
      </c>
      <c r="AA287" s="11" t="s">
        <v>113</v>
      </c>
      <c r="AB287" s="11" t="s">
        <v>431</v>
      </c>
    </row>
    <row r="288" spans="1:28">
      <c r="A288" s="11" t="s">
        <v>41</v>
      </c>
      <c r="B288" s="48">
        <v>44469</v>
      </c>
      <c r="C288" s="11" t="s">
        <v>45</v>
      </c>
      <c r="D288" s="11">
        <v>9</v>
      </c>
      <c r="E288" s="11">
        <v>2021</v>
      </c>
      <c r="F288" s="11" t="s">
        <v>430</v>
      </c>
      <c r="G288" s="11" t="s">
        <v>241</v>
      </c>
      <c r="H288" s="11" t="s">
        <v>99</v>
      </c>
      <c r="I288" s="11" t="s">
        <v>100</v>
      </c>
      <c r="J288" s="11" t="s">
        <v>101</v>
      </c>
      <c r="K288" s="11">
        <v>1039</v>
      </c>
      <c r="L288" s="11" t="s">
        <v>102</v>
      </c>
      <c r="M288" s="11" t="s">
        <v>102</v>
      </c>
      <c r="N288" s="11" t="s">
        <v>103</v>
      </c>
      <c r="O288" s="11" t="s">
        <v>214</v>
      </c>
      <c r="P288" s="11" t="s">
        <v>200</v>
      </c>
      <c r="Q288" s="11" t="s">
        <v>106</v>
      </c>
      <c r="R288" s="11" t="s">
        <v>107</v>
      </c>
      <c r="S288" s="11" t="s">
        <v>108</v>
      </c>
      <c r="T288" s="11" t="s">
        <v>102</v>
      </c>
      <c r="U288" s="11" t="s">
        <v>116</v>
      </c>
      <c r="V288" s="11" t="s">
        <v>219</v>
      </c>
      <c r="W288" s="11">
        <v>6</v>
      </c>
      <c r="X288" s="11" t="s">
        <v>139</v>
      </c>
      <c r="Y288" s="11" t="s">
        <v>156</v>
      </c>
      <c r="Z288" s="11" t="s">
        <v>102</v>
      </c>
      <c r="AA288" s="11" t="s">
        <v>113</v>
      </c>
      <c r="AB288" s="11" t="s">
        <v>432</v>
      </c>
    </row>
    <row r="289" spans="1:28">
      <c r="A289" s="11" t="s">
        <v>41</v>
      </c>
      <c r="B289" s="48">
        <v>44829</v>
      </c>
      <c r="C289" s="11" t="s">
        <v>391</v>
      </c>
      <c r="D289" s="11">
        <v>9</v>
      </c>
      <c r="E289" s="11">
        <v>2022</v>
      </c>
      <c r="F289" s="11" t="s">
        <v>430</v>
      </c>
      <c r="G289" s="11" t="s">
        <v>241</v>
      </c>
      <c r="H289" s="11" t="s">
        <v>392</v>
      </c>
      <c r="I289" s="11" t="s">
        <v>130</v>
      </c>
      <c r="J289" s="11" t="s">
        <v>101</v>
      </c>
      <c r="K289" s="11">
        <v>289.12</v>
      </c>
      <c r="L289" s="11" t="s">
        <v>102</v>
      </c>
      <c r="M289" s="11" t="s">
        <v>102</v>
      </c>
      <c r="N289" s="11" t="s">
        <v>103</v>
      </c>
      <c r="O289" s="11" t="s">
        <v>214</v>
      </c>
      <c r="P289" s="11" t="s">
        <v>200</v>
      </c>
      <c r="Q289" s="11" t="s">
        <v>106</v>
      </c>
      <c r="R289" s="11" t="s">
        <v>107</v>
      </c>
      <c r="S289" s="11" t="s">
        <v>108</v>
      </c>
      <c r="T289" s="11" t="s">
        <v>102</v>
      </c>
      <c r="U289" s="11" t="s">
        <v>116</v>
      </c>
      <c r="V289" s="11" t="s">
        <v>435</v>
      </c>
      <c r="W289" s="11">
        <v>2</v>
      </c>
      <c r="X289" s="11" t="s">
        <v>139</v>
      </c>
      <c r="Y289" s="11" t="s">
        <v>184</v>
      </c>
      <c r="Z289" s="11" t="s">
        <v>102</v>
      </c>
      <c r="AA289" s="11" t="s">
        <v>216</v>
      </c>
      <c r="AB289" s="11" t="s">
        <v>436</v>
      </c>
    </row>
    <row r="290" spans="1:28">
      <c r="A290" s="11" t="s">
        <v>42</v>
      </c>
      <c r="B290" s="48">
        <v>44469</v>
      </c>
      <c r="C290" s="11" t="s">
        <v>45</v>
      </c>
      <c r="D290" s="11">
        <v>9</v>
      </c>
      <c r="E290" s="11">
        <v>2021</v>
      </c>
      <c r="F290" s="11" t="s">
        <v>430</v>
      </c>
      <c r="G290" s="11" t="s">
        <v>241</v>
      </c>
      <c r="H290" s="11" t="s">
        <v>99</v>
      </c>
      <c r="I290" s="11" t="s">
        <v>100</v>
      </c>
      <c r="J290" s="11" t="s">
        <v>101</v>
      </c>
      <c r="K290" s="11">
        <v>17135</v>
      </c>
      <c r="L290" s="11" t="s">
        <v>102</v>
      </c>
      <c r="M290" s="11" t="s">
        <v>102</v>
      </c>
      <c r="N290" s="11" t="s">
        <v>103</v>
      </c>
      <c r="O290" s="11" t="s">
        <v>143</v>
      </c>
      <c r="P290" s="11" t="s">
        <v>200</v>
      </c>
      <c r="Q290" s="11" t="s">
        <v>106</v>
      </c>
      <c r="R290" s="11" t="s">
        <v>107</v>
      </c>
      <c r="S290" s="11" t="s">
        <v>108</v>
      </c>
      <c r="T290" s="11" t="s">
        <v>102</v>
      </c>
      <c r="U290" s="11" t="s">
        <v>116</v>
      </c>
      <c r="V290" s="11" t="s">
        <v>222</v>
      </c>
      <c r="W290" s="11">
        <v>44</v>
      </c>
      <c r="X290" s="11" t="s">
        <v>139</v>
      </c>
      <c r="Y290" s="11" t="s">
        <v>156</v>
      </c>
      <c r="Z290" s="11" t="s">
        <v>102</v>
      </c>
      <c r="AA290" s="11" t="s">
        <v>113</v>
      </c>
      <c r="AB290" s="11" t="s">
        <v>433</v>
      </c>
    </row>
    <row r="291" spans="1:28">
      <c r="A291" s="11" t="s">
        <v>40</v>
      </c>
      <c r="B291" s="48">
        <v>44500</v>
      </c>
      <c r="C291" s="11" t="s">
        <v>45</v>
      </c>
      <c r="D291" s="11">
        <v>10</v>
      </c>
      <c r="E291" s="11">
        <v>2021</v>
      </c>
      <c r="F291" s="11" t="s">
        <v>430</v>
      </c>
      <c r="G291" s="11" t="s">
        <v>241</v>
      </c>
      <c r="H291" s="11" t="s">
        <v>99</v>
      </c>
      <c r="I291" s="11" t="s">
        <v>100</v>
      </c>
      <c r="J291" s="11" t="s">
        <v>101</v>
      </c>
      <c r="K291" s="11">
        <v>22393</v>
      </c>
      <c r="L291" s="11" t="s">
        <v>102</v>
      </c>
      <c r="M291" s="11" t="s">
        <v>102</v>
      </c>
      <c r="N291" s="11" t="s">
        <v>103</v>
      </c>
      <c r="O291" s="11" t="s">
        <v>104</v>
      </c>
      <c r="P291" s="11" t="s">
        <v>200</v>
      </c>
      <c r="Q291" s="11" t="s">
        <v>106</v>
      </c>
      <c r="R291" s="11" t="s">
        <v>107</v>
      </c>
      <c r="S291" s="11" t="s">
        <v>108</v>
      </c>
      <c r="T291" s="11" t="s">
        <v>102</v>
      </c>
      <c r="U291" s="11" t="s">
        <v>116</v>
      </c>
      <c r="V291" s="11" t="s">
        <v>223</v>
      </c>
      <c r="W291" s="11">
        <v>1</v>
      </c>
      <c r="X291" s="11" t="s">
        <v>139</v>
      </c>
      <c r="Y291" s="11" t="s">
        <v>156</v>
      </c>
      <c r="Z291" s="11" t="s">
        <v>102</v>
      </c>
      <c r="AA291" s="11" t="s">
        <v>113</v>
      </c>
      <c r="AB291" s="11" t="s">
        <v>431</v>
      </c>
    </row>
    <row r="292" spans="1:28">
      <c r="A292" s="11" t="s">
        <v>41</v>
      </c>
      <c r="B292" s="48">
        <v>44500</v>
      </c>
      <c r="C292" s="11" t="s">
        <v>45</v>
      </c>
      <c r="D292" s="11">
        <v>10</v>
      </c>
      <c r="E292" s="11">
        <v>2021</v>
      </c>
      <c r="F292" s="11" t="s">
        <v>430</v>
      </c>
      <c r="G292" s="11" t="s">
        <v>241</v>
      </c>
      <c r="H292" s="11" t="s">
        <v>99</v>
      </c>
      <c r="I292" s="11" t="s">
        <v>100</v>
      </c>
      <c r="J292" s="11" t="s">
        <v>101</v>
      </c>
      <c r="K292" s="11">
        <v>1039</v>
      </c>
      <c r="L292" s="11" t="s">
        <v>102</v>
      </c>
      <c r="M292" s="11" t="s">
        <v>102</v>
      </c>
      <c r="N292" s="11" t="s">
        <v>103</v>
      </c>
      <c r="O292" s="11" t="s">
        <v>214</v>
      </c>
      <c r="P292" s="11" t="s">
        <v>200</v>
      </c>
      <c r="Q292" s="11" t="s">
        <v>106</v>
      </c>
      <c r="R292" s="11" t="s">
        <v>107</v>
      </c>
      <c r="S292" s="11" t="s">
        <v>108</v>
      </c>
      <c r="T292" s="11" t="s">
        <v>102</v>
      </c>
      <c r="U292" s="11" t="s">
        <v>116</v>
      </c>
      <c r="V292" s="11" t="s">
        <v>224</v>
      </c>
      <c r="W292" s="11">
        <v>6</v>
      </c>
      <c r="X292" s="11" t="s">
        <v>139</v>
      </c>
      <c r="Y292" s="11" t="s">
        <v>156</v>
      </c>
      <c r="Z292" s="11" t="s">
        <v>102</v>
      </c>
      <c r="AA292" s="11" t="s">
        <v>113</v>
      </c>
      <c r="AB292" s="11" t="s">
        <v>432</v>
      </c>
    </row>
    <row r="293" spans="1:28">
      <c r="A293" s="11" t="s">
        <v>42</v>
      </c>
      <c r="B293" s="48">
        <v>44500</v>
      </c>
      <c r="C293" s="11" t="s">
        <v>45</v>
      </c>
      <c r="D293" s="11">
        <v>10</v>
      </c>
      <c r="E293" s="11">
        <v>2021</v>
      </c>
      <c r="F293" s="11" t="s">
        <v>430</v>
      </c>
      <c r="G293" s="11" t="s">
        <v>241</v>
      </c>
      <c r="H293" s="11" t="s">
        <v>99</v>
      </c>
      <c r="I293" s="11" t="s">
        <v>100</v>
      </c>
      <c r="J293" s="11" t="s">
        <v>101</v>
      </c>
      <c r="K293" s="11">
        <v>17135</v>
      </c>
      <c r="L293" s="11" t="s">
        <v>102</v>
      </c>
      <c r="M293" s="11" t="s">
        <v>102</v>
      </c>
      <c r="N293" s="11" t="s">
        <v>103</v>
      </c>
      <c r="O293" s="11" t="s">
        <v>143</v>
      </c>
      <c r="P293" s="11" t="s">
        <v>200</v>
      </c>
      <c r="Q293" s="11" t="s">
        <v>106</v>
      </c>
      <c r="R293" s="11" t="s">
        <v>107</v>
      </c>
      <c r="S293" s="11" t="s">
        <v>108</v>
      </c>
      <c r="T293" s="11" t="s">
        <v>102</v>
      </c>
      <c r="U293" s="11" t="s">
        <v>116</v>
      </c>
      <c r="V293" s="11" t="s">
        <v>228</v>
      </c>
      <c r="W293" s="11">
        <v>44</v>
      </c>
      <c r="X293" s="11" t="s">
        <v>139</v>
      </c>
      <c r="Y293" s="11" t="s">
        <v>156</v>
      </c>
      <c r="Z293" s="11" t="s">
        <v>102</v>
      </c>
      <c r="AA293" s="11" t="s">
        <v>113</v>
      </c>
      <c r="AB293" s="11" t="s">
        <v>433</v>
      </c>
    </row>
    <row r="294" spans="1:28">
      <c r="A294" s="11" t="s">
        <v>40</v>
      </c>
      <c r="B294" s="48">
        <v>44530</v>
      </c>
      <c r="C294" s="11" t="s">
        <v>45</v>
      </c>
      <c r="D294" s="11">
        <v>11</v>
      </c>
      <c r="E294" s="11">
        <v>2021</v>
      </c>
      <c r="F294" s="11" t="s">
        <v>430</v>
      </c>
      <c r="G294" s="11" t="s">
        <v>241</v>
      </c>
      <c r="H294" s="11" t="s">
        <v>99</v>
      </c>
      <c r="I294" s="11" t="s">
        <v>100</v>
      </c>
      <c r="J294" s="11" t="s">
        <v>101</v>
      </c>
      <c r="K294" s="11">
        <v>22393</v>
      </c>
      <c r="L294" s="11" t="s">
        <v>102</v>
      </c>
      <c r="M294" s="11" t="s">
        <v>102</v>
      </c>
      <c r="N294" s="11" t="s">
        <v>103</v>
      </c>
      <c r="O294" s="11" t="s">
        <v>104</v>
      </c>
      <c r="P294" s="11" t="s">
        <v>200</v>
      </c>
      <c r="Q294" s="11" t="s">
        <v>106</v>
      </c>
      <c r="R294" s="11" t="s">
        <v>107</v>
      </c>
      <c r="S294" s="11" t="s">
        <v>108</v>
      </c>
      <c r="T294" s="11" t="s">
        <v>102</v>
      </c>
      <c r="U294" s="11" t="s">
        <v>116</v>
      </c>
      <c r="V294" s="11" t="s">
        <v>229</v>
      </c>
      <c r="W294" s="11">
        <v>1</v>
      </c>
      <c r="X294" s="11" t="s">
        <v>139</v>
      </c>
      <c r="Y294" s="11" t="s">
        <v>156</v>
      </c>
      <c r="Z294" s="11" t="s">
        <v>102</v>
      </c>
      <c r="AA294" s="11" t="s">
        <v>113</v>
      </c>
      <c r="AB294" s="11" t="s">
        <v>431</v>
      </c>
    </row>
    <row r="295" spans="1:28">
      <c r="A295" s="11" t="s">
        <v>41</v>
      </c>
      <c r="B295" s="48">
        <v>44530</v>
      </c>
      <c r="C295" s="11" t="s">
        <v>45</v>
      </c>
      <c r="D295" s="11">
        <v>11</v>
      </c>
      <c r="E295" s="11">
        <v>2021</v>
      </c>
      <c r="F295" s="11" t="s">
        <v>430</v>
      </c>
      <c r="G295" s="11" t="s">
        <v>241</v>
      </c>
      <c r="H295" s="11" t="s">
        <v>99</v>
      </c>
      <c r="I295" s="11" t="s">
        <v>100</v>
      </c>
      <c r="J295" s="11" t="s">
        <v>101</v>
      </c>
      <c r="K295" s="11">
        <v>1039</v>
      </c>
      <c r="L295" s="11" t="s">
        <v>102</v>
      </c>
      <c r="M295" s="11" t="s">
        <v>102</v>
      </c>
      <c r="N295" s="11" t="s">
        <v>103</v>
      </c>
      <c r="O295" s="11" t="s">
        <v>214</v>
      </c>
      <c r="P295" s="11" t="s">
        <v>200</v>
      </c>
      <c r="Q295" s="11" t="s">
        <v>106</v>
      </c>
      <c r="R295" s="11" t="s">
        <v>107</v>
      </c>
      <c r="S295" s="11" t="s">
        <v>108</v>
      </c>
      <c r="T295" s="11" t="s">
        <v>102</v>
      </c>
      <c r="U295" s="11" t="s">
        <v>116</v>
      </c>
      <c r="V295" s="11" t="s">
        <v>230</v>
      </c>
      <c r="W295" s="11">
        <v>6</v>
      </c>
      <c r="X295" s="11" t="s">
        <v>139</v>
      </c>
      <c r="Y295" s="11" t="s">
        <v>156</v>
      </c>
      <c r="Z295" s="11" t="s">
        <v>102</v>
      </c>
      <c r="AA295" s="11" t="s">
        <v>113</v>
      </c>
      <c r="AB295" s="11" t="s">
        <v>432</v>
      </c>
    </row>
    <row r="296" spans="1:28">
      <c r="A296" s="11" t="s">
        <v>42</v>
      </c>
      <c r="B296" s="48">
        <v>44530</v>
      </c>
      <c r="C296" s="11" t="s">
        <v>45</v>
      </c>
      <c r="D296" s="11">
        <v>11</v>
      </c>
      <c r="E296" s="11">
        <v>2021</v>
      </c>
      <c r="F296" s="11" t="s">
        <v>430</v>
      </c>
      <c r="G296" s="11" t="s">
        <v>241</v>
      </c>
      <c r="H296" s="11" t="s">
        <v>99</v>
      </c>
      <c r="I296" s="11" t="s">
        <v>100</v>
      </c>
      <c r="J296" s="11" t="s">
        <v>101</v>
      </c>
      <c r="K296" s="11">
        <v>17135</v>
      </c>
      <c r="L296" s="11" t="s">
        <v>102</v>
      </c>
      <c r="M296" s="11" t="s">
        <v>102</v>
      </c>
      <c r="N296" s="11" t="s">
        <v>103</v>
      </c>
      <c r="O296" s="11" t="s">
        <v>143</v>
      </c>
      <c r="P296" s="11" t="s">
        <v>200</v>
      </c>
      <c r="Q296" s="11" t="s">
        <v>106</v>
      </c>
      <c r="R296" s="11" t="s">
        <v>107</v>
      </c>
      <c r="S296" s="11" t="s">
        <v>108</v>
      </c>
      <c r="T296" s="11" t="s">
        <v>102</v>
      </c>
      <c r="U296" s="11" t="s">
        <v>116</v>
      </c>
      <c r="V296" s="11" t="s">
        <v>234</v>
      </c>
      <c r="W296" s="11">
        <v>44</v>
      </c>
      <c r="X296" s="11" t="s">
        <v>139</v>
      </c>
      <c r="Y296" s="11" t="s">
        <v>156</v>
      </c>
      <c r="Z296" s="11" t="s">
        <v>102</v>
      </c>
      <c r="AA296" s="11" t="s">
        <v>113</v>
      </c>
      <c r="AB296" s="11" t="s">
        <v>433</v>
      </c>
    </row>
    <row r="297" spans="1:28">
      <c r="A297" s="11" t="s">
        <v>40</v>
      </c>
      <c r="B297" s="48">
        <v>44561</v>
      </c>
      <c r="C297" s="11" t="s">
        <v>45</v>
      </c>
      <c r="D297" s="11">
        <v>12</v>
      </c>
      <c r="E297" s="11">
        <v>2021</v>
      </c>
      <c r="F297" s="11" t="s">
        <v>430</v>
      </c>
      <c r="G297" s="11" t="s">
        <v>241</v>
      </c>
      <c r="H297" s="11" t="s">
        <v>99</v>
      </c>
      <c r="I297" s="11" t="s">
        <v>100</v>
      </c>
      <c r="J297" s="11" t="s">
        <v>101</v>
      </c>
      <c r="K297" s="11">
        <v>22391</v>
      </c>
      <c r="L297" s="11" t="s">
        <v>102</v>
      </c>
      <c r="M297" s="11" t="s">
        <v>102</v>
      </c>
      <c r="N297" s="11" t="s">
        <v>103</v>
      </c>
      <c r="O297" s="11" t="s">
        <v>104</v>
      </c>
      <c r="P297" s="11" t="s">
        <v>200</v>
      </c>
      <c r="Q297" s="11" t="s">
        <v>106</v>
      </c>
      <c r="R297" s="11" t="s">
        <v>107</v>
      </c>
      <c r="S297" s="11" t="s">
        <v>108</v>
      </c>
      <c r="T297" s="11" t="s">
        <v>102</v>
      </c>
      <c r="U297" s="11" t="s">
        <v>116</v>
      </c>
      <c r="V297" s="11" t="s">
        <v>235</v>
      </c>
      <c r="W297" s="11">
        <v>1</v>
      </c>
      <c r="X297" s="11" t="s">
        <v>139</v>
      </c>
      <c r="Y297" s="11" t="s">
        <v>156</v>
      </c>
      <c r="Z297" s="11" t="s">
        <v>102</v>
      </c>
      <c r="AA297" s="11" t="s">
        <v>113</v>
      </c>
      <c r="AB297" s="11" t="s">
        <v>431</v>
      </c>
    </row>
    <row r="298" spans="1:28">
      <c r="A298" s="11" t="s">
        <v>41</v>
      </c>
      <c r="B298" s="48">
        <v>44561</v>
      </c>
      <c r="C298" s="11" t="s">
        <v>45</v>
      </c>
      <c r="D298" s="11">
        <v>12</v>
      </c>
      <c r="E298" s="11">
        <v>2021</v>
      </c>
      <c r="F298" s="11" t="s">
        <v>430</v>
      </c>
      <c r="G298" s="11" t="s">
        <v>241</v>
      </c>
      <c r="H298" s="11" t="s">
        <v>99</v>
      </c>
      <c r="I298" s="11" t="s">
        <v>100</v>
      </c>
      <c r="J298" s="11" t="s">
        <v>101</v>
      </c>
      <c r="K298" s="11">
        <v>1033</v>
      </c>
      <c r="L298" s="11" t="s">
        <v>102</v>
      </c>
      <c r="M298" s="11" t="s">
        <v>102</v>
      </c>
      <c r="N298" s="11" t="s">
        <v>103</v>
      </c>
      <c r="O298" s="11" t="s">
        <v>214</v>
      </c>
      <c r="P298" s="11" t="s">
        <v>200</v>
      </c>
      <c r="Q298" s="11" t="s">
        <v>106</v>
      </c>
      <c r="R298" s="11" t="s">
        <v>107</v>
      </c>
      <c r="S298" s="11" t="s">
        <v>108</v>
      </c>
      <c r="T298" s="11" t="s">
        <v>102</v>
      </c>
      <c r="U298" s="11" t="s">
        <v>116</v>
      </c>
      <c r="V298" s="11" t="s">
        <v>236</v>
      </c>
      <c r="W298" s="11">
        <v>6</v>
      </c>
      <c r="X298" s="11" t="s">
        <v>139</v>
      </c>
      <c r="Y298" s="11" t="s">
        <v>156</v>
      </c>
      <c r="Z298" s="11" t="s">
        <v>102</v>
      </c>
      <c r="AA298" s="11" t="s">
        <v>113</v>
      </c>
      <c r="AB298" s="11" t="s">
        <v>432</v>
      </c>
    </row>
    <row r="299" spans="1:28">
      <c r="A299" s="11" t="s">
        <v>42</v>
      </c>
      <c r="B299" s="48">
        <v>44561</v>
      </c>
      <c r="C299" s="11" t="s">
        <v>45</v>
      </c>
      <c r="D299" s="11">
        <v>12</v>
      </c>
      <c r="E299" s="11">
        <v>2021</v>
      </c>
      <c r="F299" s="11" t="s">
        <v>430</v>
      </c>
      <c r="G299" s="11" t="s">
        <v>241</v>
      </c>
      <c r="H299" s="11" t="s">
        <v>99</v>
      </c>
      <c r="I299" s="11" t="s">
        <v>100</v>
      </c>
      <c r="J299" s="11" t="s">
        <v>101</v>
      </c>
      <c r="K299" s="11">
        <v>17139</v>
      </c>
      <c r="L299" s="11" t="s">
        <v>102</v>
      </c>
      <c r="M299" s="11" t="s">
        <v>102</v>
      </c>
      <c r="N299" s="11" t="s">
        <v>103</v>
      </c>
      <c r="O299" s="11" t="s">
        <v>143</v>
      </c>
      <c r="P299" s="11" t="s">
        <v>200</v>
      </c>
      <c r="Q299" s="11" t="s">
        <v>106</v>
      </c>
      <c r="R299" s="11" t="s">
        <v>107</v>
      </c>
      <c r="S299" s="11" t="s">
        <v>108</v>
      </c>
      <c r="T299" s="11" t="s">
        <v>102</v>
      </c>
      <c r="U299" s="11" t="s">
        <v>116</v>
      </c>
      <c r="V299" s="11" t="s">
        <v>240</v>
      </c>
      <c r="W299" s="11">
        <v>44</v>
      </c>
      <c r="X299" s="11" t="s">
        <v>139</v>
      </c>
      <c r="Y299" s="11" t="s">
        <v>156</v>
      </c>
      <c r="Z299" s="11" t="s">
        <v>102</v>
      </c>
      <c r="AA299" s="11" t="s">
        <v>113</v>
      </c>
      <c r="AB299" s="11" t="s">
        <v>433</v>
      </c>
    </row>
    <row r="300" spans="1:28">
      <c r="A300" s="11" t="s">
        <v>40</v>
      </c>
      <c r="B300" s="48">
        <v>44227</v>
      </c>
      <c r="C300" s="11" t="s">
        <v>437</v>
      </c>
      <c r="D300" s="11">
        <v>1</v>
      </c>
      <c r="E300" s="11">
        <v>2021</v>
      </c>
      <c r="F300" s="11" t="s">
        <v>438</v>
      </c>
      <c r="G300" s="11" t="s">
        <v>300</v>
      </c>
      <c r="H300" s="11" t="s">
        <v>439</v>
      </c>
      <c r="I300" s="11" t="s">
        <v>100</v>
      </c>
      <c r="J300" s="11" t="s">
        <v>101</v>
      </c>
      <c r="K300" s="11">
        <v>1110</v>
      </c>
      <c r="L300" s="11" t="s">
        <v>102</v>
      </c>
      <c r="M300" s="11" t="s">
        <v>102</v>
      </c>
      <c r="N300" s="11" t="s">
        <v>103</v>
      </c>
      <c r="O300" s="11" t="s">
        <v>104</v>
      </c>
      <c r="P300" s="11" t="s">
        <v>302</v>
      </c>
      <c r="Q300" s="11" t="s">
        <v>106</v>
      </c>
      <c r="R300" s="11" t="s">
        <v>107</v>
      </c>
      <c r="S300" s="11" t="s">
        <v>108</v>
      </c>
      <c r="T300" s="11" t="s">
        <v>102</v>
      </c>
      <c r="U300" s="11" t="s">
        <v>116</v>
      </c>
      <c r="V300" s="11" t="s">
        <v>440</v>
      </c>
      <c r="W300" s="11">
        <v>1</v>
      </c>
      <c r="X300" s="11" t="s">
        <v>111</v>
      </c>
      <c r="Y300" s="11" t="s">
        <v>441</v>
      </c>
      <c r="Z300" s="11" t="s">
        <v>102</v>
      </c>
      <c r="AA300" s="11" t="s">
        <v>113</v>
      </c>
      <c r="AB300" s="11" t="s">
        <v>442</v>
      </c>
    </row>
    <row r="301" spans="1:28">
      <c r="A301" s="11" t="s">
        <v>40</v>
      </c>
      <c r="B301" s="48">
        <v>44255</v>
      </c>
      <c r="C301" s="11" t="s">
        <v>437</v>
      </c>
      <c r="D301" s="11">
        <v>2</v>
      </c>
      <c r="E301" s="11">
        <v>2021</v>
      </c>
      <c r="F301" s="11" t="s">
        <v>438</v>
      </c>
      <c r="G301" s="11" t="s">
        <v>300</v>
      </c>
      <c r="H301" s="11" t="s">
        <v>439</v>
      </c>
      <c r="I301" s="11" t="s">
        <v>100</v>
      </c>
      <c r="J301" s="11" t="s">
        <v>101</v>
      </c>
      <c r="K301" s="11">
        <v>1110</v>
      </c>
      <c r="L301" s="11" t="s">
        <v>102</v>
      </c>
      <c r="M301" s="11" t="s">
        <v>102</v>
      </c>
      <c r="N301" s="11" t="s">
        <v>103</v>
      </c>
      <c r="O301" s="11" t="s">
        <v>104</v>
      </c>
      <c r="P301" s="11" t="s">
        <v>302</v>
      </c>
      <c r="Q301" s="11" t="s">
        <v>106</v>
      </c>
      <c r="R301" s="11" t="s">
        <v>107</v>
      </c>
      <c r="S301" s="11" t="s">
        <v>108</v>
      </c>
      <c r="T301" s="11" t="s">
        <v>102</v>
      </c>
      <c r="U301" s="11" t="s">
        <v>116</v>
      </c>
      <c r="V301" s="11" t="s">
        <v>443</v>
      </c>
      <c r="W301" s="11">
        <v>1</v>
      </c>
      <c r="X301" s="11" t="s">
        <v>111</v>
      </c>
      <c r="Y301" s="11" t="s">
        <v>151</v>
      </c>
      <c r="Z301" s="11" t="s">
        <v>102</v>
      </c>
      <c r="AA301" s="11" t="s">
        <v>113</v>
      </c>
      <c r="AB301" s="11" t="s">
        <v>444</v>
      </c>
    </row>
    <row r="302" spans="1:28">
      <c r="A302" s="11" t="s">
        <v>40</v>
      </c>
      <c r="B302" s="48">
        <v>44286</v>
      </c>
      <c r="C302" s="11" t="s">
        <v>62</v>
      </c>
      <c r="D302" s="11">
        <v>3</v>
      </c>
      <c r="E302" s="11">
        <v>2021</v>
      </c>
      <c r="F302" s="11" t="s">
        <v>438</v>
      </c>
      <c r="G302" s="11" t="s">
        <v>300</v>
      </c>
      <c r="H302" s="11" t="s">
        <v>439</v>
      </c>
      <c r="I302" s="11" t="s">
        <v>100</v>
      </c>
      <c r="J302" s="11" t="s">
        <v>101</v>
      </c>
      <c r="K302" s="11">
        <v>1110</v>
      </c>
      <c r="L302" s="11" t="s">
        <v>102</v>
      </c>
      <c r="M302" s="11" t="s">
        <v>102</v>
      </c>
      <c r="N302" s="11" t="s">
        <v>103</v>
      </c>
      <c r="O302" s="11" t="s">
        <v>104</v>
      </c>
      <c r="P302" s="11" t="s">
        <v>302</v>
      </c>
      <c r="Q302" s="11" t="s">
        <v>106</v>
      </c>
      <c r="R302" s="11" t="s">
        <v>107</v>
      </c>
      <c r="S302" s="11" t="s">
        <v>108</v>
      </c>
      <c r="T302" s="11" t="s">
        <v>102</v>
      </c>
      <c r="U302" s="11" t="s">
        <v>116</v>
      </c>
      <c r="V302" s="11" t="s">
        <v>445</v>
      </c>
      <c r="W302" s="11">
        <v>1</v>
      </c>
      <c r="X302" s="11" t="s">
        <v>111</v>
      </c>
      <c r="Y302" s="11" t="s">
        <v>159</v>
      </c>
      <c r="Z302" s="11" t="s">
        <v>102</v>
      </c>
      <c r="AA302" s="11" t="s">
        <v>113</v>
      </c>
      <c r="AB302" s="11" t="s">
        <v>442</v>
      </c>
    </row>
    <row r="303" spans="1:28">
      <c r="A303" s="11" t="s">
        <v>40</v>
      </c>
      <c r="B303" s="48">
        <v>44316</v>
      </c>
      <c r="C303" s="11" t="s">
        <v>62</v>
      </c>
      <c r="D303" s="11">
        <v>4</v>
      </c>
      <c r="E303" s="11">
        <v>2021</v>
      </c>
      <c r="F303" s="11" t="s">
        <v>438</v>
      </c>
      <c r="G303" s="11" t="s">
        <v>300</v>
      </c>
      <c r="H303" s="11" t="s">
        <v>439</v>
      </c>
      <c r="I303" s="11" t="s">
        <v>100</v>
      </c>
      <c r="J303" s="11" t="s">
        <v>101</v>
      </c>
      <c r="K303" s="11">
        <v>1110</v>
      </c>
      <c r="L303" s="11" t="s">
        <v>102</v>
      </c>
      <c r="M303" s="11" t="s">
        <v>102</v>
      </c>
      <c r="N303" s="11" t="s">
        <v>103</v>
      </c>
      <c r="O303" s="11" t="s">
        <v>104</v>
      </c>
      <c r="P303" s="11" t="s">
        <v>302</v>
      </c>
      <c r="Q303" s="11" t="s">
        <v>106</v>
      </c>
      <c r="R303" s="11" t="s">
        <v>107</v>
      </c>
      <c r="S303" s="11" t="s">
        <v>108</v>
      </c>
      <c r="T303" s="11" t="s">
        <v>102</v>
      </c>
      <c r="U303" s="11" t="s">
        <v>116</v>
      </c>
      <c r="V303" s="11" t="s">
        <v>446</v>
      </c>
      <c r="W303" s="11">
        <v>1</v>
      </c>
      <c r="X303" s="11" t="s">
        <v>111</v>
      </c>
      <c r="Y303" s="11" t="s">
        <v>304</v>
      </c>
      <c r="Z303" s="11" t="s">
        <v>102</v>
      </c>
      <c r="AA303" s="11" t="s">
        <v>113</v>
      </c>
      <c r="AB303" s="11" t="s">
        <v>442</v>
      </c>
    </row>
    <row r="304" spans="1:28">
      <c r="A304" s="11" t="s">
        <v>40</v>
      </c>
      <c r="B304" s="48">
        <v>44347</v>
      </c>
      <c r="C304" s="11" t="s">
        <v>62</v>
      </c>
      <c r="D304" s="11">
        <v>5</v>
      </c>
      <c r="E304" s="11">
        <v>2021</v>
      </c>
      <c r="F304" s="11" t="s">
        <v>438</v>
      </c>
      <c r="G304" s="11" t="s">
        <v>300</v>
      </c>
      <c r="H304" s="11" t="s">
        <v>439</v>
      </c>
      <c r="I304" s="11" t="s">
        <v>100</v>
      </c>
      <c r="J304" s="11" t="s">
        <v>101</v>
      </c>
      <c r="K304" s="11">
        <v>1110</v>
      </c>
      <c r="L304" s="11" t="s">
        <v>102</v>
      </c>
      <c r="M304" s="11" t="s">
        <v>102</v>
      </c>
      <c r="N304" s="11" t="s">
        <v>103</v>
      </c>
      <c r="O304" s="11" t="s">
        <v>104</v>
      </c>
      <c r="P304" s="11" t="s">
        <v>302</v>
      </c>
      <c r="Q304" s="11" t="s">
        <v>106</v>
      </c>
      <c r="R304" s="11" t="s">
        <v>107</v>
      </c>
      <c r="S304" s="11" t="s">
        <v>108</v>
      </c>
      <c r="T304" s="11" t="s">
        <v>102</v>
      </c>
      <c r="U304" s="11" t="s">
        <v>116</v>
      </c>
      <c r="V304" s="11" t="s">
        <v>447</v>
      </c>
      <c r="W304" s="11">
        <v>1</v>
      </c>
      <c r="X304" s="11" t="s">
        <v>111</v>
      </c>
      <c r="Y304" s="11" t="s">
        <v>140</v>
      </c>
      <c r="Z304" s="11" t="s">
        <v>102</v>
      </c>
      <c r="AA304" s="11" t="s">
        <v>113</v>
      </c>
      <c r="AB304" s="11" t="s">
        <v>444</v>
      </c>
    </row>
    <row r="305" spans="1:28">
      <c r="A305" s="11" t="s">
        <v>40</v>
      </c>
      <c r="B305" s="48">
        <v>44377</v>
      </c>
      <c r="C305" s="11" t="s">
        <v>62</v>
      </c>
      <c r="D305" s="11">
        <v>6</v>
      </c>
      <c r="E305" s="11">
        <v>2021</v>
      </c>
      <c r="F305" s="11" t="s">
        <v>438</v>
      </c>
      <c r="G305" s="11" t="s">
        <v>300</v>
      </c>
      <c r="H305" s="11" t="s">
        <v>439</v>
      </c>
      <c r="I305" s="11" t="s">
        <v>100</v>
      </c>
      <c r="J305" s="11" t="s">
        <v>101</v>
      </c>
      <c r="K305" s="11">
        <v>1110</v>
      </c>
      <c r="L305" s="11" t="s">
        <v>102</v>
      </c>
      <c r="M305" s="11" t="s">
        <v>102</v>
      </c>
      <c r="N305" s="11" t="s">
        <v>103</v>
      </c>
      <c r="O305" s="11" t="s">
        <v>104</v>
      </c>
      <c r="P305" s="11" t="s">
        <v>302</v>
      </c>
      <c r="Q305" s="11" t="s">
        <v>106</v>
      </c>
      <c r="R305" s="11" t="s">
        <v>107</v>
      </c>
      <c r="S305" s="11" t="s">
        <v>108</v>
      </c>
      <c r="T305" s="11" t="s">
        <v>102</v>
      </c>
      <c r="U305" s="11" t="s">
        <v>116</v>
      </c>
      <c r="V305" s="11" t="s">
        <v>448</v>
      </c>
      <c r="W305" s="11">
        <v>1</v>
      </c>
      <c r="X305" s="11" t="s">
        <v>111</v>
      </c>
      <c r="Y305" s="11" t="s">
        <v>162</v>
      </c>
      <c r="Z305" s="11" t="s">
        <v>102</v>
      </c>
      <c r="AA305" s="11" t="s">
        <v>113</v>
      </c>
      <c r="AB305" s="11" t="s">
        <v>444</v>
      </c>
    </row>
    <row r="306" spans="1:28">
      <c r="A306" s="11" t="s">
        <v>40</v>
      </c>
      <c r="B306" s="48">
        <v>44408</v>
      </c>
      <c r="C306" s="11" t="s">
        <v>62</v>
      </c>
      <c r="D306" s="11">
        <v>7</v>
      </c>
      <c r="E306" s="11">
        <v>2021</v>
      </c>
      <c r="F306" s="11" t="s">
        <v>438</v>
      </c>
      <c r="G306" s="11" t="s">
        <v>300</v>
      </c>
      <c r="H306" s="11" t="s">
        <v>319</v>
      </c>
      <c r="I306" s="11" t="s">
        <v>100</v>
      </c>
      <c r="J306" s="11" t="s">
        <v>101</v>
      </c>
      <c r="K306" s="11">
        <v>1110</v>
      </c>
      <c r="L306" s="11" t="s">
        <v>102</v>
      </c>
      <c r="M306" s="11" t="s">
        <v>102</v>
      </c>
      <c r="N306" s="11" t="s">
        <v>103</v>
      </c>
      <c r="O306" s="11" t="s">
        <v>104</v>
      </c>
      <c r="P306" s="11" t="s">
        <v>302</v>
      </c>
      <c r="Q306" s="11" t="s">
        <v>106</v>
      </c>
      <c r="R306" s="11" t="s">
        <v>107</v>
      </c>
      <c r="S306" s="11" t="s">
        <v>108</v>
      </c>
      <c r="T306" s="11" t="s">
        <v>102</v>
      </c>
      <c r="U306" s="11" t="s">
        <v>116</v>
      </c>
      <c r="V306" s="11" t="s">
        <v>449</v>
      </c>
      <c r="W306" s="11">
        <v>1</v>
      </c>
      <c r="X306" s="11" t="s">
        <v>139</v>
      </c>
      <c r="Y306" s="11" t="s">
        <v>156</v>
      </c>
      <c r="Z306" s="11" t="s">
        <v>102</v>
      </c>
      <c r="AA306" s="11" t="s">
        <v>113</v>
      </c>
      <c r="AB306" s="11" t="s">
        <v>444</v>
      </c>
    </row>
    <row r="307" spans="1:28">
      <c r="A307" s="11" t="s">
        <v>40</v>
      </c>
      <c r="B307" s="48">
        <v>44439</v>
      </c>
      <c r="C307" s="11" t="s">
        <v>62</v>
      </c>
      <c r="D307" s="11">
        <v>8</v>
      </c>
      <c r="E307" s="11">
        <v>2021</v>
      </c>
      <c r="F307" s="11" t="s">
        <v>438</v>
      </c>
      <c r="G307" s="11" t="s">
        <v>300</v>
      </c>
      <c r="H307" s="11" t="s">
        <v>319</v>
      </c>
      <c r="I307" s="11" t="s">
        <v>100</v>
      </c>
      <c r="J307" s="11" t="s">
        <v>101</v>
      </c>
      <c r="K307" s="11">
        <v>1110</v>
      </c>
      <c r="L307" s="11" t="s">
        <v>102</v>
      </c>
      <c r="M307" s="11" t="s">
        <v>102</v>
      </c>
      <c r="N307" s="11" t="s">
        <v>103</v>
      </c>
      <c r="O307" s="11" t="s">
        <v>104</v>
      </c>
      <c r="P307" s="11" t="s">
        <v>302</v>
      </c>
      <c r="Q307" s="11" t="s">
        <v>106</v>
      </c>
      <c r="R307" s="11" t="s">
        <v>107</v>
      </c>
      <c r="S307" s="11" t="s">
        <v>108</v>
      </c>
      <c r="T307" s="11" t="s">
        <v>102</v>
      </c>
      <c r="U307" s="11" t="s">
        <v>116</v>
      </c>
      <c r="V307" s="11" t="s">
        <v>450</v>
      </c>
      <c r="W307" s="11">
        <v>1</v>
      </c>
      <c r="X307" s="11" t="s">
        <v>139</v>
      </c>
      <c r="Y307" s="11" t="s">
        <v>156</v>
      </c>
      <c r="Z307" s="11" t="s">
        <v>102</v>
      </c>
      <c r="AA307" s="11" t="s">
        <v>113</v>
      </c>
      <c r="AB307" s="11" t="s">
        <v>444</v>
      </c>
    </row>
    <row r="308" spans="1:28">
      <c r="A308" s="11" t="s">
        <v>40</v>
      </c>
      <c r="B308" s="48">
        <v>44469</v>
      </c>
      <c r="C308" s="11" t="s">
        <v>62</v>
      </c>
      <c r="D308" s="11">
        <v>9</v>
      </c>
      <c r="E308" s="11">
        <v>2021</v>
      </c>
      <c r="F308" s="11" t="s">
        <v>438</v>
      </c>
      <c r="G308" s="11" t="s">
        <v>300</v>
      </c>
      <c r="H308" s="11" t="s">
        <v>319</v>
      </c>
      <c r="I308" s="11" t="s">
        <v>100</v>
      </c>
      <c r="J308" s="11" t="s">
        <v>101</v>
      </c>
      <c r="K308" s="11">
        <v>1110</v>
      </c>
      <c r="L308" s="11" t="s">
        <v>102</v>
      </c>
      <c r="M308" s="11" t="s">
        <v>102</v>
      </c>
      <c r="N308" s="11" t="s">
        <v>103</v>
      </c>
      <c r="O308" s="11" t="s">
        <v>104</v>
      </c>
      <c r="P308" s="11" t="s">
        <v>302</v>
      </c>
      <c r="Q308" s="11" t="s">
        <v>106</v>
      </c>
      <c r="R308" s="11" t="s">
        <v>107</v>
      </c>
      <c r="S308" s="11" t="s">
        <v>108</v>
      </c>
      <c r="T308" s="11" t="s">
        <v>102</v>
      </c>
      <c r="U308" s="11" t="s">
        <v>116</v>
      </c>
      <c r="V308" s="11" t="s">
        <v>451</v>
      </c>
      <c r="W308" s="11">
        <v>1</v>
      </c>
      <c r="X308" s="11" t="s">
        <v>139</v>
      </c>
      <c r="Y308" s="11" t="s">
        <v>156</v>
      </c>
      <c r="Z308" s="11" t="s">
        <v>102</v>
      </c>
      <c r="AA308" s="11" t="s">
        <v>113</v>
      </c>
      <c r="AB308" s="11" t="s">
        <v>444</v>
      </c>
    </row>
    <row r="309" spans="1:28">
      <c r="A309" s="11" t="s">
        <v>40</v>
      </c>
      <c r="B309" s="48">
        <v>44500</v>
      </c>
      <c r="C309" s="11" t="s">
        <v>62</v>
      </c>
      <c r="D309" s="11">
        <v>10</v>
      </c>
      <c r="E309" s="11">
        <v>2021</v>
      </c>
      <c r="F309" s="11" t="s">
        <v>438</v>
      </c>
      <c r="G309" s="11" t="s">
        <v>300</v>
      </c>
      <c r="H309" s="11" t="s">
        <v>319</v>
      </c>
      <c r="I309" s="11" t="s">
        <v>100</v>
      </c>
      <c r="J309" s="11" t="s">
        <v>101</v>
      </c>
      <c r="K309" s="11">
        <v>1110</v>
      </c>
      <c r="L309" s="11" t="s">
        <v>102</v>
      </c>
      <c r="M309" s="11" t="s">
        <v>102</v>
      </c>
      <c r="N309" s="11" t="s">
        <v>103</v>
      </c>
      <c r="O309" s="11" t="s">
        <v>104</v>
      </c>
      <c r="P309" s="11" t="s">
        <v>302</v>
      </c>
      <c r="Q309" s="11" t="s">
        <v>106</v>
      </c>
      <c r="R309" s="11" t="s">
        <v>107</v>
      </c>
      <c r="S309" s="11" t="s">
        <v>108</v>
      </c>
      <c r="T309" s="11" t="s">
        <v>102</v>
      </c>
      <c r="U309" s="11" t="s">
        <v>116</v>
      </c>
      <c r="V309" s="11" t="s">
        <v>452</v>
      </c>
      <c r="W309" s="11">
        <v>1</v>
      </c>
      <c r="X309" s="11" t="s">
        <v>139</v>
      </c>
      <c r="Y309" s="11" t="s">
        <v>156</v>
      </c>
      <c r="Z309" s="11" t="s">
        <v>102</v>
      </c>
      <c r="AA309" s="11" t="s">
        <v>113</v>
      </c>
      <c r="AB309" s="11" t="s">
        <v>444</v>
      </c>
    </row>
    <row r="310" spans="1:28">
      <c r="A310" s="11" t="s">
        <v>40</v>
      </c>
      <c r="B310" s="48">
        <v>44530</v>
      </c>
      <c r="C310" s="11" t="s">
        <v>62</v>
      </c>
      <c r="D310" s="11">
        <v>11</v>
      </c>
      <c r="E310" s="11">
        <v>2021</v>
      </c>
      <c r="F310" s="11" t="s">
        <v>438</v>
      </c>
      <c r="G310" s="11" t="s">
        <v>300</v>
      </c>
      <c r="H310" s="11" t="s">
        <v>319</v>
      </c>
      <c r="I310" s="11" t="s">
        <v>100</v>
      </c>
      <c r="J310" s="11" t="s">
        <v>101</v>
      </c>
      <c r="K310" s="11">
        <v>1110</v>
      </c>
      <c r="L310" s="11" t="s">
        <v>102</v>
      </c>
      <c r="M310" s="11" t="s">
        <v>102</v>
      </c>
      <c r="N310" s="11" t="s">
        <v>103</v>
      </c>
      <c r="O310" s="11" t="s">
        <v>104</v>
      </c>
      <c r="P310" s="11" t="s">
        <v>302</v>
      </c>
      <c r="Q310" s="11" t="s">
        <v>106</v>
      </c>
      <c r="R310" s="11" t="s">
        <v>107</v>
      </c>
      <c r="S310" s="11" t="s">
        <v>108</v>
      </c>
      <c r="T310" s="11" t="s">
        <v>102</v>
      </c>
      <c r="U310" s="11" t="s">
        <v>116</v>
      </c>
      <c r="V310" s="11" t="s">
        <v>453</v>
      </c>
      <c r="W310" s="11">
        <v>1</v>
      </c>
      <c r="X310" s="11" t="s">
        <v>139</v>
      </c>
      <c r="Y310" s="11" t="s">
        <v>156</v>
      </c>
      <c r="Z310" s="11" t="s">
        <v>102</v>
      </c>
      <c r="AA310" s="11" t="s">
        <v>113</v>
      </c>
      <c r="AB310" s="11" t="s">
        <v>444</v>
      </c>
    </row>
    <row r="311" spans="1:28">
      <c r="A311" s="11" t="s">
        <v>40</v>
      </c>
      <c r="B311" s="48">
        <v>44561</v>
      </c>
      <c r="C311" s="11" t="s">
        <v>62</v>
      </c>
      <c r="D311" s="11">
        <v>12</v>
      </c>
      <c r="E311" s="11">
        <v>2021</v>
      </c>
      <c r="F311" s="11" t="s">
        <v>438</v>
      </c>
      <c r="G311" s="11" t="s">
        <v>300</v>
      </c>
      <c r="H311" s="11" t="s">
        <v>319</v>
      </c>
      <c r="I311" s="11" t="s">
        <v>100</v>
      </c>
      <c r="J311" s="11" t="s">
        <v>101</v>
      </c>
      <c r="K311" s="11">
        <v>1110</v>
      </c>
      <c r="L311" s="11" t="s">
        <v>102</v>
      </c>
      <c r="M311" s="11" t="s">
        <v>102</v>
      </c>
      <c r="N311" s="11" t="s">
        <v>103</v>
      </c>
      <c r="O311" s="11" t="s">
        <v>104</v>
      </c>
      <c r="P311" s="11" t="s">
        <v>302</v>
      </c>
      <c r="Q311" s="11" t="s">
        <v>106</v>
      </c>
      <c r="R311" s="11" t="s">
        <v>107</v>
      </c>
      <c r="S311" s="11" t="s">
        <v>108</v>
      </c>
      <c r="T311" s="11" t="s">
        <v>102</v>
      </c>
      <c r="U311" s="11" t="s">
        <v>116</v>
      </c>
      <c r="V311" s="11" t="s">
        <v>454</v>
      </c>
      <c r="W311" s="11">
        <v>1</v>
      </c>
      <c r="X311" s="11" t="s">
        <v>139</v>
      </c>
      <c r="Y311" s="11" t="s">
        <v>156</v>
      </c>
      <c r="Z311" s="11" t="s">
        <v>102</v>
      </c>
      <c r="AA311" s="11" t="s">
        <v>113</v>
      </c>
      <c r="AB311" s="11" t="s">
        <v>444</v>
      </c>
    </row>
    <row r="312" spans="1:28">
      <c r="A312" s="11" t="s">
        <v>40</v>
      </c>
      <c r="B312" s="48">
        <v>44556</v>
      </c>
      <c r="C312" s="11" t="s">
        <v>62</v>
      </c>
      <c r="D312" s="11">
        <v>12</v>
      </c>
      <c r="E312" s="11">
        <v>2021</v>
      </c>
      <c r="F312" s="11" t="s">
        <v>438</v>
      </c>
      <c r="G312" s="11" t="s">
        <v>300</v>
      </c>
      <c r="H312" s="11" t="s">
        <v>455</v>
      </c>
      <c r="I312" s="11" t="s">
        <v>100</v>
      </c>
      <c r="J312" s="11" t="s">
        <v>101</v>
      </c>
      <c r="K312" s="11">
        <v>287.66000000000003</v>
      </c>
      <c r="L312" s="11" t="s">
        <v>102</v>
      </c>
      <c r="M312" s="11" t="s">
        <v>102</v>
      </c>
      <c r="N312" s="11" t="s">
        <v>103</v>
      </c>
      <c r="O312" s="11" t="s">
        <v>104</v>
      </c>
      <c r="P312" s="11" t="s">
        <v>302</v>
      </c>
      <c r="Q312" s="11" t="s">
        <v>106</v>
      </c>
      <c r="R312" s="11" t="s">
        <v>107</v>
      </c>
      <c r="S312" s="11" t="s">
        <v>108</v>
      </c>
      <c r="T312" s="11" t="s">
        <v>102</v>
      </c>
      <c r="U312" s="11" t="s">
        <v>116</v>
      </c>
      <c r="V312" s="11" t="s">
        <v>456</v>
      </c>
      <c r="W312" s="11">
        <v>2</v>
      </c>
      <c r="X312" s="11" t="s">
        <v>457</v>
      </c>
      <c r="Y312" s="11" t="s">
        <v>269</v>
      </c>
      <c r="Z312" s="11" t="s">
        <v>102</v>
      </c>
      <c r="AA312" s="11" t="s">
        <v>216</v>
      </c>
      <c r="AB312" s="11" t="s">
        <v>458</v>
      </c>
    </row>
  </sheetData>
  <autoFilter ref="A1:AB1" xr:uid="{00000000-0001-0000-0300-000000000000}"/>
  <pageMargins left="0.7" right="0.7" top="0.75" bottom="0.75" header="0.3" footer="0.3"/>
  <pageSetup orientation="portrait" horizontalDpi="1200" verticalDpi="12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c5f8eb12-5b27-439d-aaa6-3402af626fa3" value=""/>
  <element uid="d14f5c36-f44a-4315-b438-005cfe8f069f" value=""/>
</sisl>
</file>

<file path=customXml/itemProps1.xml><?xml version="1.0" encoding="utf-8"?>
<ds:datastoreItem xmlns:ds="http://schemas.openxmlformats.org/officeDocument/2006/customXml" ds:itemID="{0F1AB166-F77D-4B36-B1BF-9E26B65D1B8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973C3720-3EEB-411E-9765-4672E8376A11}">
  <ds:schemaRefs>
    <ds:schemaRef ds:uri="5b640fb8-5a34-41c1-9307-1b790ff29a8b"/>
    <ds:schemaRef ds:uri="http://schemas.microsoft.com/office/2006/documentManagement/types"/>
    <ds:schemaRef ds:uri="http://purl.org/dc/terms/"/>
    <ds:schemaRef ds:uri="http://schemas.microsoft.com/office/2006/metadata/properties"/>
    <ds:schemaRef ds:uri="http://purl.org/dc/elements/1.1/"/>
    <ds:schemaRef ds:uri="http://schemas.microsoft.com/office/infopath/2007/PartnerControls"/>
    <ds:schemaRef ds:uri="http://www.w3.org/XML/1998/namespace"/>
    <ds:schemaRef ds:uri="http://purl.org/dc/dcmitype/"/>
    <ds:schemaRef ds:uri="http://schemas.openxmlformats.org/package/2006/metadata/core-properties"/>
    <ds:schemaRef ds:uri="51831b8d-857f-44dd-949b-652450d1a5df"/>
    <ds:schemaRef ds:uri="a1040523-5304-4b09-b6d4-64a124c994e2"/>
    <ds:schemaRef ds:uri="http://schemas.microsoft.com/sharepoint/v3"/>
  </ds:schemaRefs>
</ds:datastoreItem>
</file>

<file path=customXml/itemProps3.xml><?xml version="1.0" encoding="utf-8"?>
<ds:datastoreItem xmlns:ds="http://schemas.openxmlformats.org/officeDocument/2006/customXml" ds:itemID="{8E99015A-7A42-401A-8CB2-DDFE7C33937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a1040523-5304-4b09-b6d4-64a124c994e2"/>
    <ds:schemaRef ds:uri="5b640fb8-5a34-41c1-9307-1b790ff29a8b"/>
    <ds:schemaRef ds:uri="51831b8d-857f-44dd-949b-652450d1a5d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0F0E5B2-B799-4E65-96EE-CFC9652A0C6B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93843224-DFDF-4FF7-84AA-070218B752AE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4</vt:i4>
      </vt:variant>
      <vt:variant>
        <vt:lpstr>Named Ranges</vt:lpstr>
      </vt:variant>
      <vt:variant>
        <vt:i4>1</vt:i4>
      </vt:variant>
    </vt:vector>
  </HeadingPairs>
  <TitlesOfParts>
    <vt:vector size="5" baseType="lpstr">
      <vt:lpstr>W49 Annualization of PropTax</vt:lpstr>
      <vt:lpstr>Est. Tax Calc</vt:lpstr>
      <vt:lpstr>Pivot</vt:lpstr>
      <vt:lpstr>PS Query</vt:lpstr>
      <vt:lpstr>'Est. Tax Calc'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93802</dc:creator>
  <cp:lastModifiedBy>Michelle Caldwell</cp:lastModifiedBy>
  <dcterms:created xsi:type="dcterms:W3CDTF">2023-08-22T20:57:58Z</dcterms:created>
  <dcterms:modified xsi:type="dcterms:W3CDTF">2023-08-28T15:58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1136CE24ED5F449BD16740FFC7FAF6F</vt:lpwstr>
  </property>
  <property fmtid="{D5CDD505-2E9C-101B-9397-08002B2CF9AE}" pid="3" name="docIndexRef">
    <vt:lpwstr>babce743-c46d-4d71-9e46-95c6fb19f144</vt:lpwstr>
  </property>
  <property fmtid="{D5CDD505-2E9C-101B-9397-08002B2CF9AE}" pid="4" name="bjSaver">
    <vt:lpwstr>Ionro7JKtzEC6sKG52gn2o2Bw6S2sA9J</vt:lpwstr>
  </property>
  <property fmtid="{D5CDD505-2E9C-101B-9397-08002B2CF9AE}" pid="5" name="bjClsUserRVM">
    <vt:lpwstr>[]</vt:lpwstr>
  </property>
  <property fmtid="{D5CDD505-2E9C-101B-9397-08002B2CF9AE}" pid="6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7" name="bjDocumentLabelXML-0">
    <vt:lpwstr>ames.com/2008/01/sie/internal/label"&gt;&lt;element uid="c5f8eb12-5b27-439d-aaa6-3402af626fa3" value="" /&gt;&lt;element uid="d14f5c36-f44a-4315-b438-005cfe8f069f" value="" /&gt;&lt;/sisl&gt;</vt:lpwstr>
  </property>
  <property fmtid="{D5CDD505-2E9C-101B-9397-08002B2CF9AE}" pid="8" name="bjDocumentSecurityLabel">
    <vt:lpwstr>AEP Public</vt:lpwstr>
  </property>
  <property fmtid="{D5CDD505-2E9C-101B-9397-08002B2CF9AE}" pid="9" name="MSIP_Label_5c34e43d-0b77-4b2c-b224-1b46981ccfdb_SiteId">
    <vt:lpwstr>15f3c881-6b03-4ff6-8559-77bf5177818f</vt:lpwstr>
  </property>
  <property fmtid="{D5CDD505-2E9C-101B-9397-08002B2CF9AE}" pid="10" name="MSIP_Label_5c34e43d-0b77-4b2c-b224-1b46981ccfdb_Name">
    <vt:lpwstr>AEP Public</vt:lpwstr>
  </property>
  <property fmtid="{D5CDD505-2E9C-101B-9397-08002B2CF9AE}" pid="11" name="MSIP_Label_5c34e43d-0b77-4b2c-b224-1b46981ccfdb_Enabled">
    <vt:lpwstr>true</vt:lpwstr>
  </property>
  <property fmtid="{D5CDD505-2E9C-101B-9397-08002B2CF9AE}" pid="12" name="bjLabelHistoryID">
    <vt:lpwstr>{00F0E5B2-B799-4E65-96EE-CFC9652A0C6B}</vt:lpwstr>
  </property>
  <property fmtid="{D5CDD505-2E9C-101B-9397-08002B2CF9AE}" pid="13" name="MediaServiceImageTags">
    <vt:lpwstr/>
  </property>
</Properties>
</file>